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66925"/>
  <mc:AlternateContent xmlns:mc="http://schemas.openxmlformats.org/markup-compatibility/2006">
    <mc:Choice Requires="x15">
      <x15ac:absPath xmlns:x15ac="http://schemas.microsoft.com/office/spreadsheetml/2010/11/ac" url="K:\Facilities Applications\2023 Panhandle Reinforcement\1 Update (2024 ISD)\Evidence\Updated Interrogatories\SEC\"/>
    </mc:Choice>
  </mc:AlternateContent>
  <xr:revisionPtr revIDLastSave="0" documentId="13_ncr:1_{6744BBA7-2764-43B7-B591-6F61072A89F8}" xr6:coauthVersionLast="47" xr6:coauthVersionMax="47" xr10:uidLastSave="{00000000-0000-0000-0000-000000000000}"/>
  <bookViews>
    <workbookView xWindow="-120" yWindow="-120" windowWidth="29040" windowHeight="15840" xr2:uid="{432C600C-DE75-4BFD-9B3A-AAF73C475DA8}"/>
  </bookViews>
  <sheets>
    <sheet name="Exhibit E T1 S6" sheetId="1" r:id="rId1"/>
  </sheets>
  <externalReferences>
    <externalReference r:id="rId2"/>
    <externalReference r:id="rId3"/>
  </externalReferences>
  <definedNames>
    <definedName name="CBWorkbookPriority" hidden="1">-332621336</definedName>
    <definedName name="DCF_ROE">[1]FinState!$F$238</definedName>
    <definedName name="Dollar_Units">[1]Param!$F$11</definedName>
    <definedName name="EV__LASTREFTIME__" hidden="1">42243.4121875</definedName>
    <definedName name="Exchange_Rate">[2]Dataset!$C$1:$C$7258</definedName>
    <definedName name="Flow_Month">[2]Dataset!$AU$1:$AU$7258</definedName>
    <definedName name="Flow_Year">[2]Dataset!$AT$1:$AT$7258</definedName>
    <definedName name="IRR">[1]DCF!$F$41</definedName>
    <definedName name="NPV">[1]DCF!$F$35</definedName>
    <definedName name="PI">[1]DCF!$F$39</definedName>
    <definedName name="_xlnm.Print_Area" localSheetId="0">'Exhibit E T1 S6'!$A$1:$L$46</definedName>
    <definedName name="PrintSelection">1</definedName>
    <definedName name="projlife">[1]Param!$F$24</definedName>
    <definedName name="ScenarioList">[1]Scenarios!$E$161:$E$176</definedName>
    <definedName name="VerNum">[1]Param!$F$10</definedName>
    <definedName name="wrn.First._.Report." hidden="1">{"Test1",#N/A,FALSE,"Test 1"}</definedName>
    <definedName name="wrn.h3T1S1." hidden="1">{#N/A,#N/A,FALSE,"H3 Tab 1"}</definedName>
    <definedName name="wrn.H3T1S2." hidden="1">{#N/A,#N/A,FALSE,"H3 Tab 1"}</definedName>
    <definedName name="wrn.H3T2S3." hidden="1">{#N/A,#N/A,FALSE,"H3 Tab 2";#N/A,#N/A,FALSE,"H3 Tab 2"}</definedName>
    <definedName name="wrn.Rate._.Base." hidden="1">{"Rate Base",#N/A,FALSE,"Sheet1"}</definedName>
    <definedName name="wrn.RevProof." hidden="1">{#N/A,#N/A,FALSE,"RevProof"}</definedName>
    <definedName name="YrList1">[1]Rebase!$P$136:$P$151</definedName>
    <definedName name="YrList2">[1]Rebase!$S$136:$S$151</definedName>
    <definedName name="YrList3">[1]Rebase!$W$136:$W$15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D24" i="1" l="1"/>
  <c r="B45" i="1"/>
  <c r="A45" i="1"/>
  <c r="A44" i="1"/>
  <c r="A43" i="1"/>
  <c r="A42" i="1"/>
  <c r="A41" i="1"/>
  <c r="A40" i="1"/>
  <c r="A39" i="1"/>
  <c r="A38" i="1"/>
  <c r="A37" i="1"/>
  <c r="A36" i="1"/>
  <c r="A35" i="1"/>
  <c r="A34" i="1"/>
  <c r="A33" i="1"/>
  <c r="A32" i="1"/>
  <c r="A31" i="1"/>
  <c r="A30" i="1"/>
  <c r="A29" i="1"/>
  <c r="A28" i="1"/>
  <c r="A27" i="1"/>
  <c r="A26" i="1"/>
  <c r="A25" i="1"/>
  <c r="A24" i="1"/>
  <c r="A23" i="1"/>
  <c r="A22" i="1"/>
  <c r="D21" i="1"/>
  <c r="A21" i="1"/>
  <c r="A20" i="1"/>
  <c r="A19" i="1"/>
  <c r="A18" i="1"/>
  <c r="A17" i="1"/>
  <c r="A16" i="1"/>
  <c r="A15" i="1"/>
  <c r="A14" i="1"/>
  <c r="A13" i="1"/>
  <c r="I12" i="1"/>
  <c r="A12" i="1"/>
  <c r="A11" i="1"/>
  <c r="E21" i="1" l="1"/>
  <c r="H14" i="1"/>
  <c r="I13" i="1"/>
  <c r="F21" i="1"/>
  <c r="I11" i="1"/>
  <c r="I15" i="1" l="1"/>
  <c r="G21" i="1"/>
  <c r="H21" i="1" l="1"/>
  <c r="I21" i="1" l="1"/>
</calcChain>
</file>

<file path=xl/sharedStrings.xml><?xml version="1.0" encoding="utf-8"?>
<sst xmlns="http://schemas.openxmlformats.org/spreadsheetml/2006/main" count="49" uniqueCount="44">
  <si>
    <t>Stage 2 (Customer Fuel Savings) Data for Panhandle Regional Expansion Project</t>
  </si>
  <si>
    <t>Assumptions</t>
  </si>
  <si>
    <t>Fuel Mix in the Event Gas is Not Available</t>
  </si>
  <si>
    <t>Line</t>
  </si>
  <si>
    <t>(a)</t>
  </si>
  <si>
    <t>(b)</t>
  </si>
  <si>
    <t>(c)</t>
  </si>
  <si>
    <t>(d)=(b)-(c)</t>
  </si>
  <si>
    <t>(e)</t>
  </si>
  <si>
    <t>(f)=(d)*(e)</t>
  </si>
  <si>
    <t>General Service</t>
  </si>
  <si>
    <t>Fuel Prices</t>
  </si>
  <si>
    <t>Fuel Mix</t>
  </si>
  <si>
    <t>Wt Ave Diff  $/ M^3</t>
  </si>
  <si>
    <t>Heating Oil</t>
  </si>
  <si>
    <t>Propane</t>
  </si>
  <si>
    <t>Electricity</t>
  </si>
  <si>
    <t>Total %</t>
  </si>
  <si>
    <t>Weighted Savings $/m^3</t>
  </si>
  <si>
    <t>Carbon Prices</t>
  </si>
  <si>
    <t>The cost of carbon is added to the price of each fuel in above table</t>
  </si>
  <si>
    <t>Cost per tonne</t>
  </si>
  <si>
    <t>Future Yrs 2031 and beyond</t>
  </si>
  <si>
    <t>Calculation for Stage 2 Incremental Energy Demand</t>
  </si>
  <si>
    <t>Estimated Energy Demand with Pipeline Built</t>
  </si>
  <si>
    <t xml:space="preserve">Equals </t>
  </si>
  <si>
    <t>Potential annual energy demand (for Stage 2 calculations)</t>
  </si>
  <si>
    <t>Times</t>
  </si>
  <si>
    <t>Weighted Average Savings per M3</t>
  </si>
  <si>
    <t>Annual Fuel Savings: Natural Gas Vs Alt Fuels</t>
  </si>
  <si>
    <t>Discount Rate for Net Present Values</t>
  </si>
  <si>
    <t>Length of Term for Fuel Savings</t>
  </si>
  <si>
    <t>Stage 2 estimated based on 20 years and 40 years</t>
  </si>
  <si>
    <t>Present Value of Customer Fuel Savings</t>
  </si>
  <si>
    <t>For conservatism, the NPV is assessed over 20 years with sensitivity at 40 years</t>
  </si>
  <si>
    <t>Figures in $ Millions</t>
  </si>
  <si>
    <t>20 Years</t>
  </si>
  <si>
    <t>40 Years</t>
  </si>
  <si>
    <t>General Service Fuel Savings</t>
  </si>
  <si>
    <t>Gas and alternative fuel prices are the average posted prices for the 12 month period ending March 2023</t>
  </si>
  <si>
    <t>Prices in the above table are before the added cost of Carbon.</t>
  </si>
  <si>
    <t>$/m^3</t>
  </si>
  <si>
    <t>Gas $/m^3</t>
  </si>
  <si>
    <t>Diff $/m^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8">
    <numFmt numFmtId="5" formatCode="&quot;$&quot;#,##0_);\(&quot;$&quot;#,##0\)"/>
    <numFmt numFmtId="164" formatCode="#,##0_);\(#,##0\);&quot;-  &quot;;&quot; &quot;@"/>
    <numFmt numFmtId="165" formatCode="#,##0.0000_);\(#,##0.0000\);&quot;-  &quot;;&quot; &quot;@"/>
    <numFmt numFmtId="166" formatCode="#,##0.00_);\(#,##0.00\);&quot;-  &quot;;&quot; &quot;@"/>
    <numFmt numFmtId="167" formatCode="0.00%_);\-0.00%_);&quot;-  &quot;;&quot; &quot;@"/>
    <numFmt numFmtId="168" formatCode="0%_);\-0%_);&quot;-  &quot;;&quot; &quot;@"/>
    <numFmt numFmtId="169" formatCode="#,##0.000_);\(#,##0.000\);&quot;-  &quot;;&quot; &quot;@"/>
    <numFmt numFmtId="170" formatCode="0.0%_);\-0.0%_);&quot;-  &quot;;&quot; &quot;@"/>
  </numFmts>
  <fonts count="7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2"/>
      <name val="Arial MT"/>
    </font>
    <font>
      <b/>
      <sz val="10"/>
      <name val="Arial"/>
      <family val="2"/>
    </font>
    <font>
      <b/>
      <sz val="11"/>
      <color theme="1"/>
      <name val="Calibri"/>
      <family val="2"/>
      <scheme val="minor"/>
    </font>
    <font>
      <u/>
      <sz val="11"/>
      <color theme="1"/>
      <name val="Calibri"/>
      <family val="2"/>
      <scheme val="minor"/>
    </font>
    <font>
      <sz val="1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auto="1"/>
      </right>
      <top/>
      <bottom style="thin">
        <color auto="1"/>
      </bottom>
      <diagonal/>
    </border>
  </borders>
  <cellStyleXfs count="4">
    <xf numFmtId="164" fontId="0" fillId="0" borderId="0" applyFont="0" applyFill="0" applyBorder="0" applyProtection="0"/>
    <xf numFmtId="167" fontId="1" fillId="0" borderId="0" applyFont="0" applyFill="0" applyBorder="0" applyProtection="0"/>
    <xf numFmtId="164" fontId="2" fillId="0" borderId="0" applyFont="0" applyFill="0" applyBorder="0" applyProtection="0"/>
    <xf numFmtId="165" fontId="1" fillId="0" borderId="0" applyFont="0" applyFill="0" applyBorder="0" applyProtection="0"/>
  </cellStyleXfs>
  <cellXfs count="42">
    <xf numFmtId="164" fontId="0" fillId="0" borderId="0" xfId="0"/>
    <xf numFmtId="164" fontId="3" fillId="0" borderId="0" xfId="2" applyFont="1" applyFill="1" applyAlignment="1">
      <alignment horizontal="right"/>
    </xf>
    <xf numFmtId="164" fontId="0" fillId="0" borderId="0" xfId="0" applyAlignment="1">
      <alignment horizontal="center"/>
    </xf>
    <xf numFmtId="164" fontId="0" fillId="0" borderId="1" xfId="0" applyBorder="1" applyAlignment="1">
      <alignment horizontal="centerContinuous"/>
    </xf>
    <xf numFmtId="164" fontId="0" fillId="0" borderId="2" xfId="0" applyBorder="1" applyAlignment="1">
      <alignment horizontal="centerContinuous"/>
    </xf>
    <xf numFmtId="164" fontId="0" fillId="0" borderId="3" xfId="0" applyBorder="1" applyAlignment="1">
      <alignment horizontal="left" indent="1"/>
    </xf>
    <xf numFmtId="164" fontId="0" fillId="0" borderId="3" xfId="0" applyBorder="1" applyAlignment="1">
      <alignment horizontal="center" wrapText="1"/>
    </xf>
    <xf numFmtId="164" fontId="0" fillId="0" borderId="3" xfId="0" applyBorder="1"/>
    <xf numFmtId="166" fontId="0" fillId="0" borderId="3" xfId="3" applyNumberFormat="1" applyFont="1" applyBorder="1"/>
    <xf numFmtId="168" fontId="0" fillId="0" borderId="3" xfId="1" applyNumberFormat="1" applyFont="1" applyBorder="1"/>
    <xf numFmtId="169" fontId="0" fillId="0" borderId="3" xfId="3" applyNumberFormat="1" applyFont="1" applyBorder="1"/>
    <xf numFmtId="164" fontId="0" fillId="0" borderId="0" xfId="0" applyBorder="1"/>
    <xf numFmtId="166" fontId="0" fillId="0" borderId="0" xfId="3" applyNumberFormat="1" applyFont="1" applyBorder="1"/>
    <xf numFmtId="164" fontId="0" fillId="0" borderId="3" xfId="0" applyFill="1" applyBorder="1"/>
    <xf numFmtId="164" fontId="0" fillId="0" borderId="2" xfId="0" applyBorder="1"/>
    <xf numFmtId="169" fontId="0" fillId="0" borderId="3" xfId="3" applyNumberFormat="1" applyFont="1" applyFill="1" applyBorder="1"/>
    <xf numFmtId="164" fontId="0" fillId="0" borderId="0" xfId="0" applyFill="1" applyBorder="1"/>
    <xf numFmtId="169" fontId="0" fillId="0" borderId="0" xfId="3" applyNumberFormat="1" applyFont="1" applyFill="1" applyBorder="1"/>
    <xf numFmtId="164" fontId="4" fillId="0" borderId="0" xfId="0" applyFont="1"/>
    <xf numFmtId="164" fontId="0" fillId="0" borderId="4" xfId="0" applyBorder="1"/>
    <xf numFmtId="0" fontId="5" fillId="0" borderId="4" xfId="0" applyNumberFormat="1" applyFont="1" applyBorder="1" applyAlignment="1">
      <alignment horizontal="center"/>
    </xf>
    <xf numFmtId="164" fontId="0" fillId="0" borderId="5" xfId="0" applyBorder="1"/>
    <xf numFmtId="5" fontId="0" fillId="0" borderId="5" xfId="0" applyNumberFormat="1" applyBorder="1" applyAlignment="1">
      <alignment horizontal="center"/>
    </xf>
    <xf numFmtId="5" fontId="0" fillId="0" borderId="6" xfId="0" applyNumberFormat="1" applyBorder="1"/>
    <xf numFmtId="5" fontId="0" fillId="0" borderId="7" xfId="0" applyNumberFormat="1" applyBorder="1"/>
    <xf numFmtId="5" fontId="0" fillId="0" borderId="8" xfId="0" applyNumberFormat="1" applyBorder="1"/>
    <xf numFmtId="0" fontId="5" fillId="0" borderId="0" xfId="0" applyNumberFormat="1" applyFont="1" applyBorder="1" applyAlignment="1">
      <alignment horizontal="center"/>
    </xf>
    <xf numFmtId="5" fontId="0" fillId="0" borderId="9" xfId="0" applyNumberFormat="1" applyBorder="1"/>
    <xf numFmtId="5" fontId="0" fillId="0" borderId="10" xfId="0" applyNumberFormat="1" applyBorder="1"/>
    <xf numFmtId="5" fontId="0" fillId="0" borderId="11" xfId="0" applyNumberFormat="1" applyBorder="1"/>
    <xf numFmtId="5" fontId="0" fillId="0" borderId="0" xfId="0" applyNumberFormat="1" applyBorder="1" applyAlignment="1">
      <alignment horizontal="center"/>
    </xf>
    <xf numFmtId="5" fontId="0" fillId="0" borderId="0" xfId="0" applyNumberFormat="1" applyBorder="1"/>
    <xf numFmtId="164" fontId="0" fillId="0" borderId="0" xfId="0" applyAlignment="1">
      <alignment horizontal="left"/>
    </xf>
    <xf numFmtId="170" fontId="0" fillId="0" borderId="0" xfId="1" applyNumberFormat="1" applyFont="1" applyFill="1"/>
    <xf numFmtId="164" fontId="0" fillId="0" borderId="0" xfId="0" applyFont="1"/>
    <xf numFmtId="164" fontId="0" fillId="0" borderId="1" xfId="0" applyBorder="1"/>
    <xf numFmtId="164" fontId="0" fillId="0" borderId="3" xfId="0" applyBorder="1" applyAlignment="1">
      <alignment horizontal="centerContinuous"/>
    </xf>
    <xf numFmtId="164" fontId="0" fillId="0" borderId="0" xfId="0" applyFill="1" applyBorder="1" applyAlignment="1">
      <alignment horizontal="center"/>
    </xf>
    <xf numFmtId="164" fontId="0" fillId="0" borderId="0" xfId="0" applyFill="1" applyBorder="1" applyAlignment="1">
      <alignment horizontal="centerContinuous"/>
    </xf>
    <xf numFmtId="164" fontId="0" fillId="0" borderId="1" xfId="0" applyFill="1" applyBorder="1"/>
    <xf numFmtId="164" fontId="6" fillId="0" borderId="0" xfId="0" applyFont="1" applyFill="1" applyBorder="1"/>
    <xf numFmtId="164" fontId="6" fillId="0" borderId="3" xfId="0" applyFont="1" applyFill="1" applyBorder="1"/>
  </cellXfs>
  <cellStyles count="4">
    <cellStyle name="Factor" xfId="3" xr:uid="{584A5295-CB6C-44F5-B79C-205287F3BC5B}"/>
    <cellStyle name="Normal" xfId="0" builtinId="0"/>
    <cellStyle name="Normal 2 3" xfId="2" xr:uid="{5AC028FC-2FC7-43CF-8859-91010D6CB1A4}"/>
    <cellStyle name="Percent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10" Type="http://schemas.openxmlformats.org/officeDocument/2006/relationships/customXml" Target="../customXml/item3.xml"/><Relationship Id="rId4" Type="http://schemas.openxmlformats.org/officeDocument/2006/relationships/theme" Target="theme/theme1.xml"/><Relationship Id="rId9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0%20Sandbox/Rich%20Sandbox/EEM%20Ver%202.65.36%20%20KTRP%20Nov%207-17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111386\energyprices\Price%20working%20files\Database\PricingDatafeed%20Database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OwnerNotes"/>
      <sheetName val="AuditSummary"/>
      <sheetName val="ProjectNotes"/>
      <sheetName val="Cover"/>
      <sheetName val="Time"/>
      <sheetName val="Param"/>
      <sheetName val="{Check}"/>
      <sheetName val="DiscRate"/>
      <sheetName val="IRR"/>
      <sheetName val="For Costs Group"/>
      <sheetName val="RevDef"/>
      <sheetName val="RevReq"/>
      <sheetName val="FinState"/>
      <sheetName val=" BOD"/>
      <sheetName val="Anternatives"/>
      <sheetName val="Scenarios"/>
      <sheetName val="DCF"/>
      <sheetName val="Rev"/>
      <sheetName val="Ptax"/>
      <sheetName val="Rebase"/>
      <sheetName val="O&amp;M"/>
      <sheetName val="Capex &amp;PTax"/>
      <sheetName val="CapexChoose"/>
      <sheetName val="20&quot; 2019 Update"/>
      <sheetName val="14km 2026 ISD PanH"/>
      <sheetName val="16&quot; 2019"/>
      <sheetName val="6.5km 33 ISD PanH"/>
      <sheetName val="Ojib55 TJ 2019"/>
      <sheetName val="12&quot; KTRP 2022"/>
      <sheetName val="14 KM 2025 ISD PanH Loop"/>
      <sheetName val="16KM 2028 ISD PanH loop"/>
      <sheetName val="Distn alt3"/>
      <sheetName val="6.5km KTRP 2033"/>
      <sheetName val="80 TJ Ojib"/>
      <sheetName val="12&quot;KTRP 2023"/>
      <sheetName val="Distn alt4"/>
      <sheetName val="6km KTRP loop 2033"/>
      <sheetName val="16km 2029 ISD PanH Loop"/>
      <sheetName val=" ISD Factor"/>
      <sheetName val="Sch3"/>
      <sheetName val="Sch6"/>
      <sheetName val="Schd5_DCF"/>
      <sheetName val="Earnings"/>
      <sheetName val="Dash"/>
      <sheetName val="Rev Req-Calgary"/>
      <sheetName val="Summary-Calgary"/>
      <sheetName val="PM EPS 2016"/>
      <sheetName val="ACFFO Accretion"/>
      <sheetName val="EPS Accretion"/>
      <sheetName val="Board Table"/>
    </sheetNames>
    <sheetDataSet>
      <sheetData sheetId="0"/>
      <sheetData sheetId="1"/>
      <sheetData sheetId="2"/>
      <sheetData sheetId="3"/>
      <sheetData sheetId="4"/>
      <sheetData sheetId="5">
        <row r="10">
          <cell r="F10" t="str">
            <v>EEM 2.65.36</v>
          </cell>
        </row>
        <row r="11">
          <cell r="F11" t="str">
            <v>$ 000's</v>
          </cell>
        </row>
        <row r="24">
          <cell r="F24">
            <v>40</v>
          </cell>
        </row>
      </sheetData>
      <sheetData sheetId="6"/>
      <sheetData sheetId="7"/>
      <sheetData sheetId="8"/>
      <sheetData sheetId="9"/>
      <sheetData sheetId="10"/>
      <sheetData sheetId="11"/>
      <sheetData sheetId="12">
        <row r="238">
          <cell r="F238">
            <v>2.9802322387695314E-9</v>
          </cell>
        </row>
      </sheetData>
      <sheetData sheetId="13"/>
      <sheetData sheetId="14"/>
      <sheetData sheetId="15">
        <row r="161">
          <cell r="E161" t="str">
            <v>Base Case</v>
          </cell>
        </row>
        <row r="162">
          <cell r="E162" t="str">
            <v>Test Cases</v>
          </cell>
        </row>
        <row r="163">
          <cell r="E163" t="str">
            <v>OEB DCf</v>
          </cell>
        </row>
        <row r="164">
          <cell r="E164" t="str">
            <v>OEB Rev Req</v>
          </cell>
        </row>
        <row r="165">
          <cell r="E165" t="str">
            <v>Base + Capex 10% higher</v>
          </cell>
        </row>
        <row r="166">
          <cell r="E166" t="str">
            <v>Base + Capex 10% Lower</v>
          </cell>
        </row>
        <row r="167">
          <cell r="E167" t="str">
            <v>Base Oct 10th confirmed</v>
          </cell>
        </row>
        <row r="168">
          <cell r="E168" t="str">
            <v>Base + Pipe to 2036</v>
          </cell>
        </row>
        <row r="169">
          <cell r="E169" t="str">
            <v>16" only</v>
          </cell>
        </row>
        <row r="170">
          <cell r="E170" t="str">
            <v>16" + Pipe to 20236</v>
          </cell>
        </row>
        <row r="171">
          <cell r="E171" t="str">
            <v>Ojib 55TJ +  pipe to 2036</v>
          </cell>
        </row>
        <row r="172">
          <cell r="E172" t="str">
            <v>Ojib 80TJ + pipe to 2036</v>
          </cell>
        </row>
        <row r="173">
          <cell r="E173">
            <v>0</v>
          </cell>
        </row>
        <row r="174">
          <cell r="E174">
            <v>0</v>
          </cell>
        </row>
        <row r="175">
          <cell r="E175">
            <v>0</v>
          </cell>
        </row>
        <row r="176">
          <cell r="E176">
            <v>0</v>
          </cell>
        </row>
      </sheetData>
      <sheetData sheetId="16">
        <row r="35">
          <cell r="F35">
            <v>-60258.280760773974</v>
          </cell>
        </row>
        <row r="39">
          <cell r="F39">
            <v>0.42922641135551354</v>
          </cell>
        </row>
        <row r="41">
          <cell r="F41">
            <v>6.8198423832654953E-4</v>
          </cell>
        </row>
      </sheetData>
      <sheetData sheetId="17"/>
      <sheetData sheetId="18"/>
      <sheetData sheetId="19">
        <row r="136">
          <cell r="P136">
            <v>2015</v>
          </cell>
          <cell r="S136">
            <v>2015</v>
          </cell>
          <cell r="W136">
            <v>2018</v>
          </cell>
        </row>
        <row r="137">
          <cell r="P137">
            <v>2016</v>
          </cell>
          <cell r="S137">
            <v>2019</v>
          </cell>
          <cell r="W137">
            <v>2019</v>
          </cell>
        </row>
        <row r="138">
          <cell r="P138">
            <v>2017</v>
          </cell>
          <cell r="S138">
            <v>2024</v>
          </cell>
          <cell r="W138">
            <v>2020</v>
          </cell>
        </row>
        <row r="139">
          <cell r="P139">
            <v>2018</v>
          </cell>
          <cell r="S139">
            <v>2029</v>
          </cell>
          <cell r="W139">
            <v>2021</v>
          </cell>
        </row>
        <row r="140">
          <cell r="P140">
            <v>2019</v>
          </cell>
          <cell r="S140">
            <v>2034</v>
          </cell>
          <cell r="W140">
            <v>2022</v>
          </cell>
        </row>
        <row r="141">
          <cell r="P141">
            <v>2024</v>
          </cell>
          <cell r="S141">
            <v>2039</v>
          </cell>
          <cell r="W141">
            <v>2023</v>
          </cell>
        </row>
        <row r="142">
          <cell r="P142">
            <v>2029</v>
          </cell>
          <cell r="S142">
            <v>2044</v>
          </cell>
          <cell r="W142">
            <v>2024</v>
          </cell>
        </row>
        <row r="143">
          <cell r="P143">
            <v>2034</v>
          </cell>
          <cell r="S143">
            <v>2049</v>
          </cell>
          <cell r="W143">
            <v>2025</v>
          </cell>
        </row>
        <row r="144">
          <cell r="P144">
            <v>2039</v>
          </cell>
          <cell r="S144">
            <v>2054</v>
          </cell>
          <cell r="W144">
            <v>2026</v>
          </cell>
        </row>
        <row r="145">
          <cell r="P145">
            <v>2044</v>
          </cell>
          <cell r="S145">
            <v>2059</v>
          </cell>
          <cell r="W145">
            <v>2027</v>
          </cell>
        </row>
        <row r="146">
          <cell r="P146">
            <v>2049</v>
          </cell>
          <cell r="S146">
            <v>2064</v>
          </cell>
          <cell r="W146">
            <v>2028</v>
          </cell>
        </row>
        <row r="147">
          <cell r="P147">
            <v>2054</v>
          </cell>
          <cell r="S147">
            <v>2069</v>
          </cell>
          <cell r="W147">
            <v>2029</v>
          </cell>
        </row>
        <row r="148">
          <cell r="P148">
            <v>2059</v>
          </cell>
          <cell r="S148">
            <v>2074</v>
          </cell>
          <cell r="W148">
            <v>2034</v>
          </cell>
        </row>
        <row r="149">
          <cell r="P149">
            <v>2064</v>
          </cell>
          <cell r="S149">
            <v>2079</v>
          </cell>
          <cell r="W149">
            <v>2039</v>
          </cell>
        </row>
        <row r="150">
          <cell r="P150">
            <v>2069</v>
          </cell>
          <cell r="S150">
            <v>2084</v>
          </cell>
          <cell r="W150">
            <v>2044</v>
          </cell>
        </row>
        <row r="151">
          <cell r="P151">
            <v>2074</v>
          </cell>
          <cell r="S151">
            <v>2089</v>
          </cell>
          <cell r="W151">
            <v>2049</v>
          </cell>
        </row>
        <row r="152">
          <cell r="W152">
            <v>2054</v>
          </cell>
        </row>
        <row r="153">
          <cell r="W153">
            <v>2059</v>
          </cell>
        </row>
        <row r="154">
          <cell r="W154">
            <v>2064</v>
          </cell>
        </row>
      </sheetData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ources"/>
      <sheetName val="Tracking Start Date"/>
      <sheetName val="Dataset"/>
      <sheetName val="Oil &amp; Gas@ Dawn"/>
      <sheetName val="Available Profiles"/>
      <sheetName val="Scatter Dawn &amp; Oil"/>
      <sheetName val="Exchange Rate"/>
      <sheetName val="Oil and FX Chart"/>
      <sheetName val="Scatter Oil  FX"/>
      <sheetName val="Monthly Avg Exchange Rate"/>
      <sheetName val="Quarterly FX and Dawn"/>
      <sheetName val="Dawn vs Electric"/>
      <sheetName val="Monthly Averages"/>
      <sheetName val="Quarterly Averages"/>
      <sheetName val="Annual Averages"/>
      <sheetName val="Annual Averages (2)"/>
      <sheetName val="Qtly  Min Max Avg Pivot"/>
      <sheetName val="CDN per GJ"/>
      <sheetName val="Monthly Averages (CDN)"/>
      <sheetName val="Annual Averages (CDN)"/>
      <sheetName val="Pivot (CDN)"/>
    </sheetNames>
    <sheetDataSet>
      <sheetData sheetId="0"/>
      <sheetData sheetId="1"/>
      <sheetData sheetId="2">
        <row r="1">
          <cell r="C1" t="str">
            <v>Exchange_Rate</v>
          </cell>
          <cell r="AT1" t="str">
            <v>Flow_Year</v>
          </cell>
          <cell r="AU1" t="str">
            <v>Flow_Month</v>
          </cell>
        </row>
        <row r="2">
          <cell r="C2">
            <v>1.425</v>
          </cell>
          <cell r="AT2">
            <v>1998</v>
          </cell>
          <cell r="AU2">
            <v>1</v>
          </cell>
        </row>
        <row r="3">
          <cell r="C3">
            <v>1.425</v>
          </cell>
          <cell r="AT3">
            <v>1998</v>
          </cell>
          <cell r="AU3">
            <v>1</v>
          </cell>
        </row>
        <row r="4">
          <cell r="C4">
            <v>1.425</v>
          </cell>
          <cell r="AT4">
            <v>1998</v>
          </cell>
          <cell r="AU4">
            <v>1</v>
          </cell>
        </row>
        <row r="5">
          <cell r="C5">
            <v>1.425</v>
          </cell>
          <cell r="AT5">
            <v>1998</v>
          </cell>
          <cell r="AU5">
            <v>1</v>
          </cell>
        </row>
        <row r="6">
          <cell r="C6">
            <v>1.4268000000000001</v>
          </cell>
          <cell r="AT6">
            <v>1998</v>
          </cell>
          <cell r="AU6">
            <v>1</v>
          </cell>
        </row>
        <row r="7">
          <cell r="C7">
            <v>1.4311</v>
          </cell>
          <cell r="AT7">
            <v>1998</v>
          </cell>
          <cell r="AU7">
            <v>1</v>
          </cell>
        </row>
        <row r="8">
          <cell r="C8">
            <v>1.4301999999999999</v>
          </cell>
          <cell r="AT8">
            <v>1998</v>
          </cell>
          <cell r="AU8">
            <v>1</v>
          </cell>
        </row>
        <row r="9">
          <cell r="C9">
            <v>1.4312</v>
          </cell>
          <cell r="AT9">
            <v>1998</v>
          </cell>
          <cell r="AU9">
            <v>1</v>
          </cell>
        </row>
        <row r="10">
          <cell r="C10">
            <v>1.4263999999999999</v>
          </cell>
          <cell r="AT10">
            <v>1998</v>
          </cell>
          <cell r="AU10">
            <v>1</v>
          </cell>
        </row>
        <row r="11">
          <cell r="C11">
            <v>1.4263999999999999</v>
          </cell>
          <cell r="AT11">
            <v>1998</v>
          </cell>
          <cell r="AU11">
            <v>1</v>
          </cell>
        </row>
        <row r="12">
          <cell r="C12">
            <v>1.4263999999999999</v>
          </cell>
          <cell r="AT12">
            <v>1998</v>
          </cell>
          <cell r="AU12">
            <v>1</v>
          </cell>
        </row>
        <row r="13">
          <cell r="C13">
            <v>1.4342999999999999</v>
          </cell>
          <cell r="AT13">
            <v>1998</v>
          </cell>
          <cell r="AU13">
            <v>1</v>
          </cell>
        </row>
        <row r="14">
          <cell r="C14">
            <v>1.4359999999999999</v>
          </cell>
          <cell r="AT14">
            <v>1998</v>
          </cell>
          <cell r="AU14">
            <v>1</v>
          </cell>
        </row>
        <row r="15">
          <cell r="C15">
            <v>1.4345000000000001</v>
          </cell>
          <cell r="AT15">
            <v>1998</v>
          </cell>
          <cell r="AU15">
            <v>1</v>
          </cell>
        </row>
        <row r="16">
          <cell r="C16">
            <v>1.4367000000000001</v>
          </cell>
          <cell r="AT16">
            <v>1998</v>
          </cell>
          <cell r="AU16">
            <v>1</v>
          </cell>
        </row>
        <row r="17">
          <cell r="C17">
            <v>1.4362999999999999</v>
          </cell>
          <cell r="AT17">
            <v>1998</v>
          </cell>
          <cell r="AU17">
            <v>1</v>
          </cell>
        </row>
        <row r="18">
          <cell r="C18">
            <v>1.4362999999999999</v>
          </cell>
          <cell r="AT18">
            <v>1998</v>
          </cell>
          <cell r="AU18">
            <v>1</v>
          </cell>
        </row>
        <row r="19">
          <cell r="C19">
            <v>1.4362999999999999</v>
          </cell>
          <cell r="AT19">
            <v>1998</v>
          </cell>
          <cell r="AU19">
            <v>1</v>
          </cell>
        </row>
        <row r="20">
          <cell r="C20">
            <v>1.4381999999999999</v>
          </cell>
          <cell r="AT20">
            <v>1998</v>
          </cell>
          <cell r="AU20">
            <v>1</v>
          </cell>
        </row>
        <row r="21">
          <cell r="C21">
            <v>1.4391</v>
          </cell>
          <cell r="AT21">
            <v>1998</v>
          </cell>
          <cell r="AU21">
            <v>1</v>
          </cell>
        </row>
        <row r="22">
          <cell r="C22">
            <v>1.4438</v>
          </cell>
          <cell r="AT22">
            <v>1998</v>
          </cell>
          <cell r="AU22">
            <v>1</v>
          </cell>
        </row>
        <row r="23">
          <cell r="C23">
            <v>1.4508000000000001</v>
          </cell>
          <cell r="AT23">
            <v>1998</v>
          </cell>
          <cell r="AU23">
            <v>1</v>
          </cell>
        </row>
        <row r="24">
          <cell r="C24">
            <v>1.4555</v>
          </cell>
          <cell r="AT24">
            <v>1998</v>
          </cell>
          <cell r="AU24">
            <v>1</v>
          </cell>
        </row>
        <row r="25">
          <cell r="C25">
            <v>1.4555</v>
          </cell>
          <cell r="AT25">
            <v>1998</v>
          </cell>
          <cell r="AU25">
            <v>1</v>
          </cell>
        </row>
        <row r="26">
          <cell r="C26">
            <v>1.4555</v>
          </cell>
          <cell r="AT26">
            <v>1998</v>
          </cell>
          <cell r="AU26">
            <v>1</v>
          </cell>
        </row>
        <row r="27">
          <cell r="C27">
            <v>1.45</v>
          </cell>
          <cell r="AT27">
            <v>1998</v>
          </cell>
          <cell r="AU27">
            <v>1</v>
          </cell>
        </row>
        <row r="28">
          <cell r="C28">
            <v>1.4541999999999999</v>
          </cell>
          <cell r="AT28">
            <v>1998</v>
          </cell>
          <cell r="AU28">
            <v>1</v>
          </cell>
        </row>
        <row r="29">
          <cell r="C29">
            <v>1.4567000000000001</v>
          </cell>
          <cell r="AT29">
            <v>1998</v>
          </cell>
          <cell r="AU29">
            <v>1</v>
          </cell>
        </row>
        <row r="30">
          <cell r="C30">
            <v>1.4639</v>
          </cell>
          <cell r="AT30">
            <v>1998</v>
          </cell>
          <cell r="AU30">
            <v>1</v>
          </cell>
        </row>
        <row r="31">
          <cell r="C31">
            <v>1.4562999999999999</v>
          </cell>
          <cell r="AT31">
            <v>1998</v>
          </cell>
          <cell r="AU31">
            <v>1</v>
          </cell>
        </row>
        <row r="32">
          <cell r="C32">
            <v>1.4562999999999999</v>
          </cell>
          <cell r="AT32">
            <v>1998</v>
          </cell>
          <cell r="AU32">
            <v>2</v>
          </cell>
        </row>
        <row r="33">
          <cell r="C33">
            <v>1.4562999999999999</v>
          </cell>
          <cell r="AT33">
            <v>1998</v>
          </cell>
          <cell r="AU33">
            <v>2</v>
          </cell>
        </row>
        <row r="34">
          <cell r="C34">
            <v>1.4525999999999999</v>
          </cell>
          <cell r="AT34">
            <v>1998</v>
          </cell>
          <cell r="AU34">
            <v>2</v>
          </cell>
        </row>
        <row r="35">
          <cell r="C35">
            <v>1.4509000000000001</v>
          </cell>
          <cell r="AT35">
            <v>1998</v>
          </cell>
          <cell r="AU35">
            <v>2</v>
          </cell>
        </row>
        <row r="36">
          <cell r="C36">
            <v>1.4471000000000001</v>
          </cell>
          <cell r="AT36">
            <v>1998</v>
          </cell>
          <cell r="AU36">
            <v>2</v>
          </cell>
        </row>
        <row r="37">
          <cell r="C37">
            <v>1.4391</v>
          </cell>
          <cell r="AT37">
            <v>1998</v>
          </cell>
          <cell r="AU37">
            <v>2</v>
          </cell>
        </row>
        <row r="38">
          <cell r="C38">
            <v>1.4285000000000001</v>
          </cell>
          <cell r="AT38">
            <v>1998</v>
          </cell>
          <cell r="AU38">
            <v>2</v>
          </cell>
        </row>
        <row r="39">
          <cell r="C39">
            <v>1.4285000000000001</v>
          </cell>
          <cell r="AT39">
            <v>1998</v>
          </cell>
          <cell r="AU39">
            <v>2</v>
          </cell>
        </row>
        <row r="40">
          <cell r="C40">
            <v>1.4285000000000001</v>
          </cell>
          <cell r="AT40">
            <v>1998</v>
          </cell>
          <cell r="AU40">
            <v>2</v>
          </cell>
        </row>
        <row r="41">
          <cell r="C41">
            <v>1.4355</v>
          </cell>
          <cell r="AT41">
            <v>1998</v>
          </cell>
          <cell r="AU41">
            <v>2</v>
          </cell>
        </row>
        <row r="42">
          <cell r="C42">
            <v>1.429</v>
          </cell>
          <cell r="AT42">
            <v>1998</v>
          </cell>
          <cell r="AU42">
            <v>2</v>
          </cell>
        </row>
        <row r="43">
          <cell r="C43">
            <v>1.4365000000000001</v>
          </cell>
          <cell r="AT43">
            <v>1998</v>
          </cell>
          <cell r="AU43">
            <v>2</v>
          </cell>
        </row>
        <row r="44">
          <cell r="C44">
            <v>1.4382999999999999</v>
          </cell>
          <cell r="AT44">
            <v>1998</v>
          </cell>
          <cell r="AU44">
            <v>2</v>
          </cell>
        </row>
        <row r="45">
          <cell r="C45">
            <v>1.4430000000000001</v>
          </cell>
          <cell r="AT45">
            <v>1998</v>
          </cell>
          <cell r="AU45">
            <v>2</v>
          </cell>
        </row>
        <row r="46">
          <cell r="C46">
            <v>1.4430000000000001</v>
          </cell>
          <cell r="AT46">
            <v>1998</v>
          </cell>
          <cell r="AU46">
            <v>2</v>
          </cell>
        </row>
        <row r="47">
          <cell r="C47">
            <v>1.4430000000000001</v>
          </cell>
          <cell r="AT47">
            <v>1998</v>
          </cell>
          <cell r="AU47">
            <v>2</v>
          </cell>
        </row>
        <row r="48">
          <cell r="C48">
            <v>1.4455</v>
          </cell>
          <cell r="AT48">
            <v>1998</v>
          </cell>
          <cell r="AU48">
            <v>2</v>
          </cell>
        </row>
        <row r="49">
          <cell r="C49">
            <v>1.4401999999999999</v>
          </cell>
          <cell r="AT49">
            <v>1998</v>
          </cell>
          <cell r="AU49">
            <v>2</v>
          </cell>
        </row>
        <row r="50">
          <cell r="C50">
            <v>1.4348000000000001</v>
          </cell>
          <cell r="AT50">
            <v>1998</v>
          </cell>
          <cell r="AU50">
            <v>2</v>
          </cell>
        </row>
        <row r="51">
          <cell r="C51">
            <v>1.423</v>
          </cell>
          <cell r="AT51">
            <v>1998</v>
          </cell>
          <cell r="AU51">
            <v>2</v>
          </cell>
        </row>
        <row r="52">
          <cell r="C52">
            <v>1.4202999999999999</v>
          </cell>
          <cell r="AT52">
            <v>1998</v>
          </cell>
          <cell r="AU52">
            <v>2</v>
          </cell>
        </row>
        <row r="53">
          <cell r="C53">
            <v>1.4202999999999999</v>
          </cell>
          <cell r="AT53">
            <v>1998</v>
          </cell>
          <cell r="AU53">
            <v>2</v>
          </cell>
        </row>
        <row r="54">
          <cell r="C54">
            <v>1.4202999999999999</v>
          </cell>
          <cell r="AT54">
            <v>1998</v>
          </cell>
          <cell r="AU54">
            <v>2</v>
          </cell>
        </row>
        <row r="55">
          <cell r="C55">
            <v>1.4244000000000001</v>
          </cell>
          <cell r="AT55">
            <v>1998</v>
          </cell>
          <cell r="AU55">
            <v>2</v>
          </cell>
        </row>
        <row r="56">
          <cell r="C56">
            <v>1.4221999999999999</v>
          </cell>
          <cell r="AT56">
            <v>1998</v>
          </cell>
          <cell r="AU56">
            <v>2</v>
          </cell>
        </row>
        <row r="57">
          <cell r="C57">
            <v>1.4236</v>
          </cell>
          <cell r="AT57">
            <v>1998</v>
          </cell>
          <cell r="AU57">
            <v>2</v>
          </cell>
        </row>
        <row r="58">
          <cell r="C58">
            <v>1.4214</v>
          </cell>
          <cell r="AT58">
            <v>1998</v>
          </cell>
          <cell r="AU58">
            <v>2</v>
          </cell>
        </row>
        <row r="59">
          <cell r="C59">
            <v>1.4235</v>
          </cell>
          <cell r="AT59">
            <v>1998</v>
          </cell>
          <cell r="AU59">
            <v>2</v>
          </cell>
        </row>
        <row r="60">
          <cell r="C60">
            <v>1.4235</v>
          </cell>
          <cell r="AT60">
            <v>1998</v>
          </cell>
          <cell r="AU60">
            <v>3</v>
          </cell>
        </row>
        <row r="61">
          <cell r="C61">
            <v>1.4235</v>
          </cell>
          <cell r="AT61">
            <v>1998</v>
          </cell>
          <cell r="AU61">
            <v>3</v>
          </cell>
        </row>
        <row r="62">
          <cell r="C62">
            <v>1.4216</v>
          </cell>
          <cell r="AT62">
            <v>1998</v>
          </cell>
          <cell r="AU62">
            <v>3</v>
          </cell>
        </row>
        <row r="63">
          <cell r="C63">
            <v>1.4184000000000001</v>
          </cell>
          <cell r="AT63">
            <v>1998</v>
          </cell>
          <cell r="AU63">
            <v>3</v>
          </cell>
        </row>
        <row r="64">
          <cell r="C64">
            <v>1.4218999999999999</v>
          </cell>
          <cell r="AT64">
            <v>1998</v>
          </cell>
          <cell r="AU64">
            <v>3</v>
          </cell>
        </row>
        <row r="65">
          <cell r="C65">
            <v>1.4204000000000001</v>
          </cell>
          <cell r="AT65">
            <v>1998</v>
          </cell>
          <cell r="AU65">
            <v>3</v>
          </cell>
        </row>
        <row r="66">
          <cell r="C66">
            <v>1.4181999999999999</v>
          </cell>
          <cell r="AT66">
            <v>1998</v>
          </cell>
          <cell r="AU66">
            <v>3</v>
          </cell>
        </row>
        <row r="67">
          <cell r="C67">
            <v>1.4181999999999999</v>
          </cell>
          <cell r="AT67">
            <v>1998</v>
          </cell>
          <cell r="AU67">
            <v>3</v>
          </cell>
        </row>
        <row r="68">
          <cell r="C68">
            <v>1.4181999999999999</v>
          </cell>
          <cell r="AT68">
            <v>1998</v>
          </cell>
          <cell r="AU68">
            <v>3</v>
          </cell>
        </row>
        <row r="69">
          <cell r="C69">
            <v>1.4142999999999999</v>
          </cell>
          <cell r="AT69">
            <v>1998</v>
          </cell>
          <cell r="AU69">
            <v>3</v>
          </cell>
        </row>
        <row r="70">
          <cell r="C70">
            <v>1.4139999999999999</v>
          </cell>
          <cell r="AT70">
            <v>1998</v>
          </cell>
          <cell r="AU70">
            <v>3</v>
          </cell>
        </row>
        <row r="71">
          <cell r="C71">
            <v>1.4075</v>
          </cell>
          <cell r="AT71">
            <v>1998</v>
          </cell>
          <cell r="AU71">
            <v>3</v>
          </cell>
        </row>
        <row r="72">
          <cell r="C72">
            <v>1.411</v>
          </cell>
          <cell r="AT72">
            <v>1998</v>
          </cell>
          <cell r="AU72">
            <v>3</v>
          </cell>
        </row>
        <row r="73">
          <cell r="C73">
            <v>1.4096</v>
          </cell>
          <cell r="AT73">
            <v>1998</v>
          </cell>
          <cell r="AU73">
            <v>3</v>
          </cell>
        </row>
        <row r="74">
          <cell r="C74">
            <v>1.4096</v>
          </cell>
          <cell r="AT74">
            <v>1998</v>
          </cell>
          <cell r="AU74">
            <v>3</v>
          </cell>
        </row>
        <row r="75">
          <cell r="C75">
            <v>1.4096</v>
          </cell>
          <cell r="AT75">
            <v>1998</v>
          </cell>
          <cell r="AU75">
            <v>3</v>
          </cell>
        </row>
        <row r="76">
          <cell r="C76">
            <v>1.4135</v>
          </cell>
          <cell r="AT76">
            <v>1998</v>
          </cell>
          <cell r="AU76">
            <v>3</v>
          </cell>
        </row>
        <row r="77">
          <cell r="C77">
            <v>1.4165000000000001</v>
          </cell>
          <cell r="AT77">
            <v>1998</v>
          </cell>
          <cell r="AU77">
            <v>3</v>
          </cell>
        </row>
        <row r="78">
          <cell r="C78">
            <v>1.4186000000000001</v>
          </cell>
          <cell r="AT78">
            <v>1998</v>
          </cell>
          <cell r="AU78">
            <v>3</v>
          </cell>
        </row>
        <row r="79">
          <cell r="C79">
            <v>1.4177999999999999</v>
          </cell>
          <cell r="AT79">
            <v>1998</v>
          </cell>
          <cell r="AU79">
            <v>3</v>
          </cell>
        </row>
        <row r="80">
          <cell r="C80">
            <v>1.4179999999999999</v>
          </cell>
          <cell r="AT80">
            <v>1998</v>
          </cell>
          <cell r="AU80">
            <v>3</v>
          </cell>
        </row>
        <row r="81">
          <cell r="C81">
            <v>1.4179999999999999</v>
          </cell>
          <cell r="AT81">
            <v>1998</v>
          </cell>
          <cell r="AU81">
            <v>3</v>
          </cell>
        </row>
        <row r="82">
          <cell r="C82">
            <v>1.4179999999999999</v>
          </cell>
          <cell r="AT82">
            <v>1998</v>
          </cell>
          <cell r="AU82">
            <v>3</v>
          </cell>
        </row>
        <row r="83">
          <cell r="C83">
            <v>1.4217</v>
          </cell>
          <cell r="AT83">
            <v>1998</v>
          </cell>
          <cell r="AU83">
            <v>3</v>
          </cell>
        </row>
        <row r="84">
          <cell r="C84">
            <v>1.4191</v>
          </cell>
          <cell r="AT84">
            <v>1998</v>
          </cell>
          <cell r="AU84">
            <v>3</v>
          </cell>
        </row>
        <row r="85">
          <cell r="C85">
            <v>1.41</v>
          </cell>
          <cell r="AT85">
            <v>1998</v>
          </cell>
          <cell r="AU85">
            <v>3</v>
          </cell>
        </row>
        <row r="86">
          <cell r="C86">
            <v>1.4120999999999999</v>
          </cell>
          <cell r="AT86">
            <v>1998</v>
          </cell>
          <cell r="AU86">
            <v>3</v>
          </cell>
        </row>
        <row r="87">
          <cell r="C87">
            <v>1.415</v>
          </cell>
          <cell r="AT87">
            <v>1998</v>
          </cell>
          <cell r="AU87">
            <v>3</v>
          </cell>
        </row>
        <row r="88">
          <cell r="C88">
            <v>1.415</v>
          </cell>
          <cell r="AT88">
            <v>1998</v>
          </cell>
          <cell r="AU88">
            <v>3</v>
          </cell>
        </row>
        <row r="89">
          <cell r="C89">
            <v>1.415</v>
          </cell>
          <cell r="AT89">
            <v>1998</v>
          </cell>
          <cell r="AU89">
            <v>3</v>
          </cell>
        </row>
        <row r="90">
          <cell r="C90">
            <v>1.4222999999999999</v>
          </cell>
          <cell r="AT90">
            <v>1998</v>
          </cell>
          <cell r="AU90">
            <v>3</v>
          </cell>
        </row>
        <row r="91">
          <cell r="C91">
            <v>1.4166000000000001</v>
          </cell>
          <cell r="AT91">
            <v>1998</v>
          </cell>
          <cell r="AU91">
            <v>4</v>
          </cell>
        </row>
        <row r="92">
          <cell r="C92">
            <v>1.4173</v>
          </cell>
          <cell r="AT92">
            <v>1998</v>
          </cell>
          <cell r="AU92">
            <v>4</v>
          </cell>
        </row>
        <row r="93">
          <cell r="C93">
            <v>1.419</v>
          </cell>
          <cell r="AT93">
            <v>1998</v>
          </cell>
          <cell r="AU93">
            <v>4</v>
          </cell>
        </row>
        <row r="94">
          <cell r="C94">
            <v>1.4209000000000001</v>
          </cell>
          <cell r="AT94">
            <v>1998</v>
          </cell>
          <cell r="AU94">
            <v>4</v>
          </cell>
        </row>
        <row r="95">
          <cell r="C95">
            <v>1.4209000000000001</v>
          </cell>
          <cell r="AT95">
            <v>1998</v>
          </cell>
          <cell r="AU95">
            <v>4</v>
          </cell>
        </row>
        <row r="96">
          <cell r="C96">
            <v>1.4209000000000001</v>
          </cell>
          <cell r="AT96">
            <v>1998</v>
          </cell>
          <cell r="AU96">
            <v>4</v>
          </cell>
        </row>
        <row r="97">
          <cell r="C97">
            <v>1.4184000000000001</v>
          </cell>
          <cell r="AT97">
            <v>1998</v>
          </cell>
          <cell r="AU97">
            <v>4</v>
          </cell>
        </row>
        <row r="98">
          <cell r="C98">
            <v>1.4221999999999999</v>
          </cell>
          <cell r="AT98">
            <v>1998</v>
          </cell>
          <cell r="AU98">
            <v>4</v>
          </cell>
        </row>
        <row r="99">
          <cell r="C99">
            <v>1.4245000000000001</v>
          </cell>
          <cell r="AT99">
            <v>1998</v>
          </cell>
          <cell r="AU99">
            <v>4</v>
          </cell>
        </row>
        <row r="100">
          <cell r="C100">
            <v>1.425</v>
          </cell>
          <cell r="AT100">
            <v>1998</v>
          </cell>
          <cell r="AU100">
            <v>4</v>
          </cell>
        </row>
        <row r="101">
          <cell r="C101">
            <v>1.425</v>
          </cell>
          <cell r="AT101">
            <v>1998</v>
          </cell>
          <cell r="AU101">
            <v>4</v>
          </cell>
        </row>
        <row r="102">
          <cell r="C102">
            <v>1.425</v>
          </cell>
          <cell r="AT102">
            <v>1998</v>
          </cell>
          <cell r="AU102">
            <v>4</v>
          </cell>
        </row>
        <row r="103">
          <cell r="C103">
            <v>1.425</v>
          </cell>
          <cell r="AT103">
            <v>1998</v>
          </cell>
          <cell r="AU103">
            <v>4</v>
          </cell>
        </row>
        <row r="104">
          <cell r="C104">
            <v>1.4320999999999999</v>
          </cell>
          <cell r="AT104">
            <v>1998</v>
          </cell>
          <cell r="AU104">
            <v>4</v>
          </cell>
        </row>
        <row r="105">
          <cell r="C105">
            <v>1.4348000000000001</v>
          </cell>
          <cell r="AT105">
            <v>1998</v>
          </cell>
          <cell r="AU105">
            <v>4</v>
          </cell>
        </row>
        <row r="106">
          <cell r="C106">
            <v>1.4393</v>
          </cell>
          <cell r="AT106">
            <v>1998</v>
          </cell>
          <cell r="AU106">
            <v>4</v>
          </cell>
        </row>
        <row r="107">
          <cell r="C107">
            <v>1.4367000000000001</v>
          </cell>
          <cell r="AT107">
            <v>1998</v>
          </cell>
          <cell r="AU107">
            <v>4</v>
          </cell>
        </row>
        <row r="108">
          <cell r="C108">
            <v>1.4295</v>
          </cell>
          <cell r="AT108">
            <v>1998</v>
          </cell>
          <cell r="AU108">
            <v>4</v>
          </cell>
        </row>
        <row r="109">
          <cell r="C109">
            <v>1.4295</v>
          </cell>
          <cell r="AT109">
            <v>1998</v>
          </cell>
          <cell r="AU109">
            <v>4</v>
          </cell>
        </row>
        <row r="110">
          <cell r="C110">
            <v>1.4295</v>
          </cell>
          <cell r="AT110">
            <v>1998</v>
          </cell>
          <cell r="AU110">
            <v>4</v>
          </cell>
        </row>
        <row r="111">
          <cell r="C111">
            <v>1.4278999999999999</v>
          </cell>
          <cell r="AT111">
            <v>1998</v>
          </cell>
          <cell r="AU111">
            <v>4</v>
          </cell>
        </row>
        <row r="112">
          <cell r="C112">
            <v>1.4309000000000001</v>
          </cell>
          <cell r="AT112">
            <v>1998</v>
          </cell>
          <cell r="AU112">
            <v>4</v>
          </cell>
        </row>
        <row r="113">
          <cell r="C113">
            <v>1.4325000000000001</v>
          </cell>
          <cell r="AT113">
            <v>1998</v>
          </cell>
          <cell r="AU113">
            <v>4</v>
          </cell>
        </row>
        <row r="114">
          <cell r="C114">
            <v>1.4345000000000001</v>
          </cell>
          <cell r="AT114">
            <v>1998</v>
          </cell>
          <cell r="AU114">
            <v>4</v>
          </cell>
        </row>
        <row r="115">
          <cell r="C115">
            <v>1.4353</v>
          </cell>
          <cell r="AT115">
            <v>1998</v>
          </cell>
          <cell r="AU115">
            <v>4</v>
          </cell>
        </row>
        <row r="116">
          <cell r="C116">
            <v>1.4353</v>
          </cell>
          <cell r="AT116">
            <v>1998</v>
          </cell>
          <cell r="AU116">
            <v>4</v>
          </cell>
        </row>
        <row r="117">
          <cell r="C117">
            <v>1.4353</v>
          </cell>
          <cell r="AT117">
            <v>1998</v>
          </cell>
          <cell r="AU117">
            <v>4</v>
          </cell>
        </row>
        <row r="118">
          <cell r="C118">
            <v>1.4387000000000001</v>
          </cell>
          <cell r="AT118">
            <v>1998</v>
          </cell>
          <cell r="AU118">
            <v>4</v>
          </cell>
        </row>
        <row r="119">
          <cell r="C119">
            <v>1.4387000000000001</v>
          </cell>
          <cell r="AT119">
            <v>1998</v>
          </cell>
          <cell r="AU119">
            <v>4</v>
          </cell>
        </row>
        <row r="120">
          <cell r="C120">
            <v>1.4376</v>
          </cell>
          <cell r="AT120">
            <v>1998</v>
          </cell>
          <cell r="AU120">
            <v>4</v>
          </cell>
        </row>
        <row r="121">
          <cell r="C121">
            <v>1.4301999999999999</v>
          </cell>
          <cell r="AT121">
            <v>1998</v>
          </cell>
          <cell r="AU121">
            <v>5</v>
          </cell>
        </row>
        <row r="122">
          <cell r="C122">
            <v>1.4336</v>
          </cell>
          <cell r="AT122">
            <v>1998</v>
          </cell>
          <cell r="AU122">
            <v>5</v>
          </cell>
        </row>
        <row r="123">
          <cell r="C123">
            <v>1.4336</v>
          </cell>
          <cell r="AT123">
            <v>1998</v>
          </cell>
          <cell r="AU123">
            <v>5</v>
          </cell>
        </row>
        <row r="124">
          <cell r="C124">
            <v>1.4336</v>
          </cell>
          <cell r="AT124">
            <v>1998</v>
          </cell>
          <cell r="AU124">
            <v>5</v>
          </cell>
        </row>
        <row r="125">
          <cell r="C125">
            <v>1.4349000000000001</v>
          </cell>
          <cell r="AT125">
            <v>1998</v>
          </cell>
          <cell r="AU125">
            <v>5</v>
          </cell>
        </row>
        <row r="126">
          <cell r="C126">
            <v>1.4387000000000001</v>
          </cell>
          <cell r="AT126">
            <v>1998</v>
          </cell>
          <cell r="AU126">
            <v>5</v>
          </cell>
        </row>
        <row r="127">
          <cell r="C127">
            <v>1.4387000000000001</v>
          </cell>
          <cell r="AT127">
            <v>1998</v>
          </cell>
          <cell r="AU127">
            <v>5</v>
          </cell>
        </row>
        <row r="128">
          <cell r="C128">
            <v>1.4399</v>
          </cell>
          <cell r="AT128">
            <v>1998</v>
          </cell>
          <cell r="AU128">
            <v>5</v>
          </cell>
        </row>
        <row r="129">
          <cell r="C129">
            <v>1.4368000000000001</v>
          </cell>
          <cell r="AT129">
            <v>1998</v>
          </cell>
          <cell r="AU129">
            <v>5</v>
          </cell>
        </row>
        <row r="130">
          <cell r="C130">
            <v>1.4368000000000001</v>
          </cell>
          <cell r="AT130">
            <v>1998</v>
          </cell>
          <cell r="AU130">
            <v>5</v>
          </cell>
        </row>
        <row r="131">
          <cell r="C131">
            <v>1.4368000000000001</v>
          </cell>
          <cell r="AT131">
            <v>1998</v>
          </cell>
          <cell r="AU131">
            <v>5</v>
          </cell>
        </row>
        <row r="132">
          <cell r="C132">
            <v>1.4334</v>
          </cell>
          <cell r="AT132">
            <v>1998</v>
          </cell>
          <cell r="AU132">
            <v>5</v>
          </cell>
        </row>
        <row r="133">
          <cell r="C133">
            <v>1.4319999999999999</v>
          </cell>
          <cell r="AT133">
            <v>1998</v>
          </cell>
          <cell r="AU133">
            <v>5</v>
          </cell>
        </row>
        <row r="134">
          <cell r="C134">
            <v>1.4443999999999999</v>
          </cell>
          <cell r="AT134">
            <v>1998</v>
          </cell>
          <cell r="AU134">
            <v>5</v>
          </cell>
        </row>
        <row r="135">
          <cell r="C135">
            <v>1.4478</v>
          </cell>
          <cell r="AT135">
            <v>1998</v>
          </cell>
          <cell r="AU135">
            <v>5</v>
          </cell>
        </row>
        <row r="136">
          <cell r="C136">
            <v>1.4504999999999999</v>
          </cell>
          <cell r="AT136">
            <v>1998</v>
          </cell>
          <cell r="AU136">
            <v>5</v>
          </cell>
        </row>
        <row r="137">
          <cell r="C137">
            <v>1.4504999999999999</v>
          </cell>
          <cell r="AT137">
            <v>1998</v>
          </cell>
          <cell r="AU137">
            <v>5</v>
          </cell>
        </row>
        <row r="138">
          <cell r="C138">
            <v>1.4504999999999999</v>
          </cell>
          <cell r="AT138">
            <v>1998</v>
          </cell>
          <cell r="AU138">
            <v>5</v>
          </cell>
        </row>
        <row r="139">
          <cell r="C139">
            <v>1.4504999999999999</v>
          </cell>
          <cell r="AT139">
            <v>1998</v>
          </cell>
          <cell r="AU139">
            <v>5</v>
          </cell>
        </row>
        <row r="140">
          <cell r="C140">
            <v>1.45</v>
          </cell>
          <cell r="AT140">
            <v>1998</v>
          </cell>
          <cell r="AU140">
            <v>5</v>
          </cell>
        </row>
        <row r="141">
          <cell r="C141">
            <v>1.4498</v>
          </cell>
          <cell r="AT141">
            <v>1998</v>
          </cell>
          <cell r="AU141">
            <v>5</v>
          </cell>
        </row>
        <row r="142">
          <cell r="C142">
            <v>1.4473</v>
          </cell>
          <cell r="AT142">
            <v>1998</v>
          </cell>
          <cell r="AU142">
            <v>5</v>
          </cell>
        </row>
        <row r="143">
          <cell r="C143">
            <v>1.4496</v>
          </cell>
          <cell r="AT143">
            <v>1998</v>
          </cell>
          <cell r="AU143">
            <v>5</v>
          </cell>
        </row>
        <row r="144">
          <cell r="C144">
            <v>1.4496</v>
          </cell>
          <cell r="AT144">
            <v>1998</v>
          </cell>
          <cell r="AU144">
            <v>5</v>
          </cell>
        </row>
        <row r="145">
          <cell r="C145">
            <v>1.4496</v>
          </cell>
          <cell r="AT145">
            <v>1998</v>
          </cell>
          <cell r="AU145">
            <v>5</v>
          </cell>
        </row>
        <row r="146">
          <cell r="C146">
            <v>1.4493</v>
          </cell>
          <cell r="AT146">
            <v>1998</v>
          </cell>
          <cell r="AU146">
            <v>5</v>
          </cell>
        </row>
        <row r="147">
          <cell r="C147">
            <v>1.4542999999999999</v>
          </cell>
          <cell r="AT147">
            <v>1998</v>
          </cell>
          <cell r="AU147">
            <v>5</v>
          </cell>
        </row>
        <row r="148">
          <cell r="C148">
            <v>1.4564999999999999</v>
          </cell>
          <cell r="AT148">
            <v>1998</v>
          </cell>
          <cell r="AU148">
            <v>5</v>
          </cell>
        </row>
        <row r="149">
          <cell r="C149">
            <v>1.4553</v>
          </cell>
          <cell r="AT149">
            <v>1998</v>
          </cell>
          <cell r="AU149">
            <v>5</v>
          </cell>
        </row>
        <row r="150">
          <cell r="C150">
            <v>1.4571000000000001</v>
          </cell>
          <cell r="AT150">
            <v>1998</v>
          </cell>
          <cell r="AU150">
            <v>5</v>
          </cell>
        </row>
        <row r="151">
          <cell r="C151">
            <v>1.4571000000000001</v>
          </cell>
          <cell r="AT151">
            <v>1998</v>
          </cell>
          <cell r="AU151">
            <v>5</v>
          </cell>
        </row>
        <row r="152">
          <cell r="C152">
            <v>1.4571000000000001</v>
          </cell>
          <cell r="AT152">
            <v>1998</v>
          </cell>
          <cell r="AU152">
            <v>6</v>
          </cell>
        </row>
        <row r="153">
          <cell r="C153">
            <v>1.4564999999999999</v>
          </cell>
          <cell r="AT153">
            <v>1998</v>
          </cell>
          <cell r="AU153">
            <v>6</v>
          </cell>
        </row>
        <row r="154">
          <cell r="C154">
            <v>1.454</v>
          </cell>
          <cell r="AT154">
            <v>1998</v>
          </cell>
          <cell r="AU154">
            <v>6</v>
          </cell>
        </row>
        <row r="155">
          <cell r="C155">
            <v>1.4530000000000001</v>
          </cell>
          <cell r="AT155">
            <v>1998</v>
          </cell>
          <cell r="AU155">
            <v>6</v>
          </cell>
        </row>
        <row r="156">
          <cell r="C156">
            <v>1.4555</v>
          </cell>
          <cell r="AT156">
            <v>1998</v>
          </cell>
          <cell r="AU156">
            <v>6</v>
          </cell>
        </row>
        <row r="157">
          <cell r="C157">
            <v>1.4583999999999999</v>
          </cell>
          <cell r="AT157">
            <v>1998</v>
          </cell>
          <cell r="AU157">
            <v>6</v>
          </cell>
        </row>
        <row r="158">
          <cell r="C158">
            <v>1.4583999999999999</v>
          </cell>
          <cell r="AT158">
            <v>1998</v>
          </cell>
          <cell r="AU158">
            <v>6</v>
          </cell>
        </row>
        <row r="159">
          <cell r="C159">
            <v>1.4583999999999999</v>
          </cell>
          <cell r="AT159">
            <v>1998</v>
          </cell>
          <cell r="AU159">
            <v>6</v>
          </cell>
        </row>
        <row r="160">
          <cell r="C160">
            <v>1.4588000000000001</v>
          </cell>
          <cell r="AT160">
            <v>1998</v>
          </cell>
          <cell r="AU160">
            <v>6</v>
          </cell>
        </row>
        <row r="161">
          <cell r="C161">
            <v>1.4601999999999999</v>
          </cell>
          <cell r="AT161">
            <v>1998</v>
          </cell>
          <cell r="AU161">
            <v>6</v>
          </cell>
        </row>
        <row r="162">
          <cell r="C162">
            <v>1.4665999999999999</v>
          </cell>
          <cell r="AT162">
            <v>1998</v>
          </cell>
          <cell r="AU162">
            <v>6</v>
          </cell>
        </row>
        <row r="163">
          <cell r="C163">
            <v>1.4699</v>
          </cell>
          <cell r="AT163">
            <v>1998</v>
          </cell>
          <cell r="AU163">
            <v>6</v>
          </cell>
        </row>
        <row r="164">
          <cell r="C164">
            <v>1.4683999999999999</v>
          </cell>
          <cell r="AT164">
            <v>1998</v>
          </cell>
          <cell r="AU164">
            <v>6</v>
          </cell>
        </row>
        <row r="165">
          <cell r="C165">
            <v>1.4683999999999999</v>
          </cell>
          <cell r="AT165">
            <v>1998</v>
          </cell>
          <cell r="AU165">
            <v>6</v>
          </cell>
        </row>
        <row r="166">
          <cell r="C166">
            <v>1.4683999999999999</v>
          </cell>
          <cell r="AT166">
            <v>1998</v>
          </cell>
          <cell r="AU166">
            <v>6</v>
          </cell>
        </row>
        <row r="167">
          <cell r="C167">
            <v>1.4736</v>
          </cell>
          <cell r="AT167">
            <v>1998</v>
          </cell>
          <cell r="AU167">
            <v>6</v>
          </cell>
        </row>
        <row r="168">
          <cell r="C168">
            <v>1.4704999999999999</v>
          </cell>
          <cell r="AT168">
            <v>1998</v>
          </cell>
          <cell r="AU168">
            <v>6</v>
          </cell>
        </row>
        <row r="169">
          <cell r="C169">
            <v>1.4634</v>
          </cell>
          <cell r="AT169">
            <v>1998</v>
          </cell>
          <cell r="AU169">
            <v>6</v>
          </cell>
        </row>
        <row r="170">
          <cell r="C170">
            <v>1.4684999999999999</v>
          </cell>
          <cell r="AT170">
            <v>1998</v>
          </cell>
          <cell r="AU170">
            <v>6</v>
          </cell>
        </row>
        <row r="171">
          <cell r="C171">
            <v>1.4697</v>
          </cell>
          <cell r="AT171">
            <v>1998</v>
          </cell>
          <cell r="AU171">
            <v>6</v>
          </cell>
        </row>
        <row r="172">
          <cell r="C172">
            <v>1.4697</v>
          </cell>
          <cell r="AT172">
            <v>1998</v>
          </cell>
          <cell r="AU172">
            <v>6</v>
          </cell>
        </row>
        <row r="173">
          <cell r="C173">
            <v>1.4697</v>
          </cell>
          <cell r="AT173">
            <v>1998</v>
          </cell>
          <cell r="AU173">
            <v>6</v>
          </cell>
        </row>
        <row r="174">
          <cell r="C174">
            <v>1.4711000000000001</v>
          </cell>
          <cell r="AT174">
            <v>1998</v>
          </cell>
          <cell r="AU174">
            <v>6</v>
          </cell>
        </row>
        <row r="175">
          <cell r="C175">
            <v>1.4696</v>
          </cell>
          <cell r="AT175">
            <v>1998</v>
          </cell>
          <cell r="AU175">
            <v>6</v>
          </cell>
        </row>
        <row r="176">
          <cell r="C176">
            <v>1.4697</v>
          </cell>
          <cell r="AT176">
            <v>1998</v>
          </cell>
          <cell r="AU176">
            <v>6</v>
          </cell>
        </row>
        <row r="177">
          <cell r="C177">
            <v>1.4665999999999999</v>
          </cell>
          <cell r="AT177">
            <v>1998</v>
          </cell>
          <cell r="AU177">
            <v>6</v>
          </cell>
        </row>
        <row r="178">
          <cell r="C178">
            <v>1.4693000000000001</v>
          </cell>
          <cell r="AT178">
            <v>1998</v>
          </cell>
          <cell r="AU178">
            <v>6</v>
          </cell>
        </row>
        <row r="179">
          <cell r="C179">
            <v>1.4693000000000001</v>
          </cell>
          <cell r="AT179">
            <v>1998</v>
          </cell>
          <cell r="AU179">
            <v>6</v>
          </cell>
        </row>
        <row r="180">
          <cell r="C180">
            <v>1.4693000000000001</v>
          </cell>
          <cell r="AT180">
            <v>1998</v>
          </cell>
          <cell r="AU180">
            <v>6</v>
          </cell>
        </row>
        <row r="181">
          <cell r="C181">
            <v>1.4718</v>
          </cell>
          <cell r="AT181">
            <v>1998</v>
          </cell>
          <cell r="AU181">
            <v>6</v>
          </cell>
        </row>
        <row r="182">
          <cell r="C182">
            <v>1.4716</v>
          </cell>
          <cell r="AT182">
            <v>1998</v>
          </cell>
          <cell r="AU182">
            <v>7</v>
          </cell>
        </row>
        <row r="183">
          <cell r="C183">
            <v>1.4716</v>
          </cell>
          <cell r="AT183">
            <v>1998</v>
          </cell>
          <cell r="AU183">
            <v>7</v>
          </cell>
        </row>
        <row r="184">
          <cell r="C184">
            <v>1.4677</v>
          </cell>
          <cell r="AT184">
            <v>1998</v>
          </cell>
          <cell r="AU184">
            <v>7</v>
          </cell>
        </row>
        <row r="185">
          <cell r="C185">
            <v>1.4673</v>
          </cell>
          <cell r="AT185">
            <v>1998</v>
          </cell>
          <cell r="AU185">
            <v>7</v>
          </cell>
        </row>
        <row r="186">
          <cell r="C186">
            <v>1.4673</v>
          </cell>
          <cell r="AT186">
            <v>1998</v>
          </cell>
          <cell r="AU186">
            <v>7</v>
          </cell>
        </row>
        <row r="187">
          <cell r="C187">
            <v>1.4673</v>
          </cell>
          <cell r="AT187">
            <v>1998</v>
          </cell>
          <cell r="AU187">
            <v>7</v>
          </cell>
        </row>
        <row r="188">
          <cell r="C188">
            <v>1.4732000000000001</v>
          </cell>
          <cell r="AT188">
            <v>1998</v>
          </cell>
          <cell r="AU188">
            <v>7</v>
          </cell>
        </row>
        <row r="189">
          <cell r="C189">
            <v>1.4728000000000001</v>
          </cell>
          <cell r="AT189">
            <v>1998</v>
          </cell>
          <cell r="AU189">
            <v>7</v>
          </cell>
        </row>
        <row r="190">
          <cell r="C190">
            <v>1.4744999999999999</v>
          </cell>
          <cell r="AT190">
            <v>1998</v>
          </cell>
          <cell r="AU190">
            <v>7</v>
          </cell>
        </row>
        <row r="191">
          <cell r="C191">
            <v>1.476</v>
          </cell>
          <cell r="AT191">
            <v>1998</v>
          </cell>
          <cell r="AU191">
            <v>7</v>
          </cell>
        </row>
        <row r="192">
          <cell r="C192">
            <v>1.4795</v>
          </cell>
          <cell r="AT192">
            <v>1998</v>
          </cell>
          <cell r="AU192">
            <v>7</v>
          </cell>
        </row>
        <row r="193">
          <cell r="C193">
            <v>1.4795</v>
          </cell>
          <cell r="AT193">
            <v>1998</v>
          </cell>
          <cell r="AU193">
            <v>7</v>
          </cell>
        </row>
        <row r="194">
          <cell r="C194">
            <v>1.4795</v>
          </cell>
          <cell r="AT194">
            <v>1998</v>
          </cell>
          <cell r="AU194">
            <v>7</v>
          </cell>
        </row>
        <row r="195">
          <cell r="C195">
            <v>1.4784999999999999</v>
          </cell>
          <cell r="AT195">
            <v>1998</v>
          </cell>
          <cell r="AU195">
            <v>7</v>
          </cell>
        </row>
        <row r="196">
          <cell r="C196">
            <v>1.4789000000000001</v>
          </cell>
          <cell r="AT196">
            <v>1998</v>
          </cell>
          <cell r="AU196">
            <v>7</v>
          </cell>
        </row>
        <row r="197">
          <cell r="C197">
            <v>1.4847999999999999</v>
          </cell>
          <cell r="AT197">
            <v>1998</v>
          </cell>
          <cell r="AU197">
            <v>7</v>
          </cell>
        </row>
        <row r="198">
          <cell r="C198">
            <v>1.4887999999999999</v>
          </cell>
          <cell r="AT198">
            <v>1998</v>
          </cell>
          <cell r="AU198">
            <v>7</v>
          </cell>
        </row>
        <row r="199">
          <cell r="C199">
            <v>1.4883</v>
          </cell>
          <cell r="AT199">
            <v>1998</v>
          </cell>
          <cell r="AU199">
            <v>7</v>
          </cell>
        </row>
        <row r="200">
          <cell r="C200">
            <v>1.4883</v>
          </cell>
          <cell r="AT200">
            <v>1998</v>
          </cell>
          <cell r="AU200">
            <v>7</v>
          </cell>
        </row>
        <row r="201">
          <cell r="C201">
            <v>1.4883</v>
          </cell>
          <cell r="AT201">
            <v>1998</v>
          </cell>
          <cell r="AU201">
            <v>7</v>
          </cell>
        </row>
        <row r="202">
          <cell r="C202">
            <v>1.4878</v>
          </cell>
          <cell r="AT202">
            <v>1998</v>
          </cell>
          <cell r="AU202">
            <v>7</v>
          </cell>
        </row>
        <row r="203">
          <cell r="C203">
            <v>1.492</v>
          </cell>
          <cell r="AT203">
            <v>1998</v>
          </cell>
          <cell r="AU203">
            <v>7</v>
          </cell>
        </row>
        <row r="204">
          <cell r="C204">
            <v>1.4954000000000001</v>
          </cell>
          <cell r="AT204">
            <v>1998</v>
          </cell>
          <cell r="AU204">
            <v>7</v>
          </cell>
        </row>
        <row r="205">
          <cell r="C205">
            <v>1.4955000000000001</v>
          </cell>
          <cell r="AT205">
            <v>1998</v>
          </cell>
          <cell r="AU205">
            <v>7</v>
          </cell>
        </row>
        <row r="206">
          <cell r="C206">
            <v>1.498</v>
          </cell>
          <cell r="AT206">
            <v>1998</v>
          </cell>
          <cell r="AU206">
            <v>7</v>
          </cell>
        </row>
        <row r="207">
          <cell r="C207">
            <v>1.498</v>
          </cell>
          <cell r="AT207">
            <v>1998</v>
          </cell>
          <cell r="AU207">
            <v>7</v>
          </cell>
        </row>
        <row r="208">
          <cell r="C208">
            <v>1.498</v>
          </cell>
          <cell r="AT208">
            <v>1998</v>
          </cell>
          <cell r="AU208">
            <v>7</v>
          </cell>
        </row>
        <row r="209">
          <cell r="C209">
            <v>1.5035000000000001</v>
          </cell>
          <cell r="AT209">
            <v>1998</v>
          </cell>
          <cell r="AU209">
            <v>7</v>
          </cell>
        </row>
        <row r="210">
          <cell r="C210">
            <v>1.5024999999999999</v>
          </cell>
          <cell r="AT210">
            <v>1998</v>
          </cell>
          <cell r="AU210">
            <v>7</v>
          </cell>
        </row>
        <row r="211">
          <cell r="C211">
            <v>1.5034000000000001</v>
          </cell>
          <cell r="AT211">
            <v>1998</v>
          </cell>
          <cell r="AU211">
            <v>7</v>
          </cell>
        </row>
        <row r="212">
          <cell r="C212">
            <v>1.5083</v>
          </cell>
          <cell r="AT212">
            <v>1998</v>
          </cell>
          <cell r="AU212">
            <v>7</v>
          </cell>
        </row>
        <row r="213">
          <cell r="C213">
            <v>1.5111000000000001</v>
          </cell>
          <cell r="AT213">
            <v>1998</v>
          </cell>
          <cell r="AU213">
            <v>8</v>
          </cell>
        </row>
        <row r="214">
          <cell r="C214">
            <v>1.5111000000000001</v>
          </cell>
          <cell r="AT214">
            <v>1998</v>
          </cell>
          <cell r="AU214">
            <v>8</v>
          </cell>
        </row>
        <row r="215">
          <cell r="C215">
            <v>1.5111000000000001</v>
          </cell>
          <cell r="AT215">
            <v>1998</v>
          </cell>
          <cell r="AU215">
            <v>8</v>
          </cell>
        </row>
        <row r="216">
          <cell r="C216">
            <v>1.5111000000000001</v>
          </cell>
          <cell r="AT216">
            <v>1998</v>
          </cell>
          <cell r="AU216">
            <v>8</v>
          </cell>
        </row>
        <row r="217">
          <cell r="C217">
            <v>1.5138</v>
          </cell>
          <cell r="AT217">
            <v>1998</v>
          </cell>
          <cell r="AU217">
            <v>8</v>
          </cell>
        </row>
        <row r="218">
          <cell r="C218">
            <v>1.516</v>
          </cell>
          <cell r="AT218">
            <v>1998</v>
          </cell>
          <cell r="AU218">
            <v>8</v>
          </cell>
        </row>
        <row r="219">
          <cell r="C219">
            <v>1.5286999999999999</v>
          </cell>
          <cell r="AT219">
            <v>1998</v>
          </cell>
          <cell r="AU219">
            <v>8</v>
          </cell>
        </row>
        <row r="220">
          <cell r="C220">
            <v>1.522</v>
          </cell>
          <cell r="AT220">
            <v>1998</v>
          </cell>
          <cell r="AU220">
            <v>8</v>
          </cell>
        </row>
        <row r="221">
          <cell r="C221">
            <v>1.522</v>
          </cell>
          <cell r="AT221">
            <v>1998</v>
          </cell>
          <cell r="AU221">
            <v>8</v>
          </cell>
        </row>
        <row r="222">
          <cell r="C222">
            <v>1.522</v>
          </cell>
          <cell r="AT222">
            <v>1998</v>
          </cell>
          <cell r="AU222">
            <v>8</v>
          </cell>
        </row>
        <row r="223">
          <cell r="C223">
            <v>1.5176000000000001</v>
          </cell>
          <cell r="AT223">
            <v>1998</v>
          </cell>
          <cell r="AU223">
            <v>8</v>
          </cell>
        </row>
        <row r="224">
          <cell r="C224">
            <v>1.5210999999999999</v>
          </cell>
          <cell r="AT224">
            <v>1998</v>
          </cell>
          <cell r="AU224">
            <v>8</v>
          </cell>
        </row>
        <row r="225">
          <cell r="C225">
            <v>1.5149999999999999</v>
          </cell>
          <cell r="AT225">
            <v>1998</v>
          </cell>
          <cell r="AU225">
            <v>8</v>
          </cell>
        </row>
        <row r="226">
          <cell r="C226">
            <v>1.5172000000000001</v>
          </cell>
          <cell r="AT226">
            <v>1998</v>
          </cell>
          <cell r="AU226">
            <v>8</v>
          </cell>
        </row>
        <row r="227">
          <cell r="C227">
            <v>1.5186999999999999</v>
          </cell>
          <cell r="AT227">
            <v>1998</v>
          </cell>
          <cell r="AU227">
            <v>8</v>
          </cell>
        </row>
        <row r="228">
          <cell r="C228">
            <v>1.5186999999999999</v>
          </cell>
          <cell r="AT228">
            <v>1998</v>
          </cell>
          <cell r="AU228">
            <v>8</v>
          </cell>
        </row>
        <row r="229">
          <cell r="C229">
            <v>1.5186999999999999</v>
          </cell>
          <cell r="AT229">
            <v>1998</v>
          </cell>
          <cell r="AU229">
            <v>8</v>
          </cell>
        </row>
        <row r="230">
          <cell r="C230">
            <v>1.524</v>
          </cell>
          <cell r="AT230">
            <v>1998</v>
          </cell>
          <cell r="AU230">
            <v>8</v>
          </cell>
        </row>
        <row r="231">
          <cell r="C231">
            <v>1.5285</v>
          </cell>
          <cell r="AT231">
            <v>1998</v>
          </cell>
          <cell r="AU231">
            <v>8</v>
          </cell>
        </row>
        <row r="232">
          <cell r="C232">
            <v>1.5331999999999999</v>
          </cell>
          <cell r="AT232">
            <v>1998</v>
          </cell>
          <cell r="AU232">
            <v>8</v>
          </cell>
        </row>
        <row r="233">
          <cell r="C233">
            <v>1.5297000000000001</v>
          </cell>
          <cell r="AT233">
            <v>1998</v>
          </cell>
          <cell r="AU233">
            <v>8</v>
          </cell>
        </row>
        <row r="234">
          <cell r="C234">
            <v>1.5418000000000001</v>
          </cell>
          <cell r="AT234">
            <v>1998</v>
          </cell>
          <cell r="AU234">
            <v>8</v>
          </cell>
        </row>
        <row r="235">
          <cell r="C235">
            <v>1.5418000000000001</v>
          </cell>
          <cell r="AT235">
            <v>1998</v>
          </cell>
          <cell r="AU235">
            <v>8</v>
          </cell>
        </row>
        <row r="236">
          <cell r="C236">
            <v>1.5418000000000001</v>
          </cell>
          <cell r="AT236">
            <v>1998</v>
          </cell>
          <cell r="AU236">
            <v>8</v>
          </cell>
        </row>
        <row r="237">
          <cell r="C237">
            <v>1.5489999999999999</v>
          </cell>
          <cell r="AT237">
            <v>1998</v>
          </cell>
          <cell r="AU237">
            <v>8</v>
          </cell>
        </row>
        <row r="238">
          <cell r="C238">
            <v>1.5506</v>
          </cell>
          <cell r="AT238">
            <v>1998</v>
          </cell>
          <cell r="AU238">
            <v>8</v>
          </cell>
        </row>
        <row r="239">
          <cell r="C239">
            <v>1.5622</v>
          </cell>
          <cell r="AT239">
            <v>1998</v>
          </cell>
          <cell r="AU239">
            <v>8</v>
          </cell>
        </row>
        <row r="240">
          <cell r="C240">
            <v>1.5765</v>
          </cell>
          <cell r="AT240">
            <v>1998</v>
          </cell>
          <cell r="AU240">
            <v>8</v>
          </cell>
        </row>
        <row r="241">
          <cell r="C241">
            <v>1.5680000000000001</v>
          </cell>
          <cell r="AT241">
            <v>1998</v>
          </cell>
          <cell r="AU241">
            <v>8</v>
          </cell>
        </row>
        <row r="242">
          <cell r="C242">
            <v>1.5680000000000001</v>
          </cell>
          <cell r="AT242">
            <v>1998</v>
          </cell>
          <cell r="AU242">
            <v>8</v>
          </cell>
        </row>
        <row r="243">
          <cell r="C243">
            <v>1.5680000000000001</v>
          </cell>
          <cell r="AT243">
            <v>1998</v>
          </cell>
          <cell r="AU243">
            <v>8</v>
          </cell>
        </row>
        <row r="244">
          <cell r="C244">
            <v>1.5722</v>
          </cell>
          <cell r="AT244">
            <v>1998</v>
          </cell>
          <cell r="AU244">
            <v>9</v>
          </cell>
        </row>
        <row r="245">
          <cell r="C245">
            <v>1.5532999999999999</v>
          </cell>
          <cell r="AT245">
            <v>1998</v>
          </cell>
          <cell r="AU245">
            <v>9</v>
          </cell>
        </row>
        <row r="246">
          <cell r="C246">
            <v>1.5369999999999999</v>
          </cell>
          <cell r="AT246">
            <v>1998</v>
          </cell>
          <cell r="AU246">
            <v>9</v>
          </cell>
        </row>
        <row r="247">
          <cell r="C247">
            <v>1.5391999999999999</v>
          </cell>
          <cell r="AT247">
            <v>1998</v>
          </cell>
          <cell r="AU247">
            <v>9</v>
          </cell>
        </row>
        <row r="248">
          <cell r="C248">
            <v>1.5257000000000001</v>
          </cell>
          <cell r="AT248">
            <v>1998</v>
          </cell>
          <cell r="AU248">
            <v>9</v>
          </cell>
        </row>
        <row r="249">
          <cell r="C249">
            <v>1.5257000000000001</v>
          </cell>
          <cell r="AT249">
            <v>1998</v>
          </cell>
          <cell r="AU249">
            <v>9</v>
          </cell>
        </row>
        <row r="250">
          <cell r="C250">
            <v>1.5257000000000001</v>
          </cell>
          <cell r="AT250">
            <v>1998</v>
          </cell>
          <cell r="AU250">
            <v>9</v>
          </cell>
        </row>
        <row r="251">
          <cell r="C251">
            <v>1.5257000000000001</v>
          </cell>
          <cell r="AT251">
            <v>1998</v>
          </cell>
          <cell r="AU251">
            <v>9</v>
          </cell>
        </row>
        <row r="252">
          <cell r="C252">
            <v>1.5259</v>
          </cell>
          <cell r="AT252">
            <v>1998</v>
          </cell>
          <cell r="AU252">
            <v>9</v>
          </cell>
        </row>
        <row r="253">
          <cell r="C253">
            <v>1.5204</v>
          </cell>
          <cell r="AT253">
            <v>1998</v>
          </cell>
          <cell r="AU253">
            <v>9</v>
          </cell>
        </row>
        <row r="254">
          <cell r="C254">
            <v>1.514</v>
          </cell>
          <cell r="AT254">
            <v>1998</v>
          </cell>
          <cell r="AU254">
            <v>9</v>
          </cell>
        </row>
        <row r="255">
          <cell r="C255">
            <v>1.5127999999999999</v>
          </cell>
          <cell r="AT255">
            <v>1998</v>
          </cell>
          <cell r="AU255">
            <v>9</v>
          </cell>
        </row>
        <row r="256">
          <cell r="C256">
            <v>1.5127999999999999</v>
          </cell>
          <cell r="AT256">
            <v>1998</v>
          </cell>
          <cell r="AU256">
            <v>9</v>
          </cell>
        </row>
        <row r="257">
          <cell r="C257">
            <v>1.5127999999999999</v>
          </cell>
          <cell r="AT257">
            <v>1998</v>
          </cell>
          <cell r="AU257">
            <v>9</v>
          </cell>
        </row>
        <row r="258">
          <cell r="C258">
            <v>1.5161</v>
          </cell>
          <cell r="AT258">
            <v>1998</v>
          </cell>
          <cell r="AU258">
            <v>9</v>
          </cell>
        </row>
        <row r="259">
          <cell r="C259">
            <v>1.4997</v>
          </cell>
          <cell r="AT259">
            <v>1998</v>
          </cell>
          <cell r="AU259">
            <v>9</v>
          </cell>
        </row>
        <row r="260">
          <cell r="C260">
            <v>1.5034000000000001</v>
          </cell>
          <cell r="AT260">
            <v>1998</v>
          </cell>
          <cell r="AU260">
            <v>9</v>
          </cell>
        </row>
        <row r="261">
          <cell r="C261">
            <v>1.5259</v>
          </cell>
          <cell r="AT261">
            <v>1998</v>
          </cell>
          <cell r="AU261">
            <v>9</v>
          </cell>
        </row>
        <row r="262">
          <cell r="C262">
            <v>1.5293000000000001</v>
          </cell>
          <cell r="AT262">
            <v>1998</v>
          </cell>
          <cell r="AU262">
            <v>9</v>
          </cell>
        </row>
        <row r="263">
          <cell r="C263">
            <v>1.5293000000000001</v>
          </cell>
          <cell r="AT263">
            <v>1998</v>
          </cell>
          <cell r="AU263">
            <v>9</v>
          </cell>
        </row>
        <row r="264">
          <cell r="C264">
            <v>1.5293000000000001</v>
          </cell>
          <cell r="AT264">
            <v>1998</v>
          </cell>
          <cell r="AU264">
            <v>9</v>
          </cell>
        </row>
        <row r="265">
          <cell r="C265">
            <v>1.5273000000000001</v>
          </cell>
          <cell r="AT265">
            <v>1998</v>
          </cell>
          <cell r="AU265">
            <v>9</v>
          </cell>
        </row>
        <row r="266">
          <cell r="C266">
            <v>1.5294000000000001</v>
          </cell>
          <cell r="AT266">
            <v>1998</v>
          </cell>
          <cell r="AU266">
            <v>9</v>
          </cell>
        </row>
        <row r="267">
          <cell r="C267">
            <v>1.5267999999999999</v>
          </cell>
          <cell r="AT267">
            <v>1998</v>
          </cell>
          <cell r="AU267">
            <v>9</v>
          </cell>
        </row>
        <row r="268">
          <cell r="C268">
            <v>1.5118</v>
          </cell>
          <cell r="AT268">
            <v>1998</v>
          </cell>
          <cell r="AU268">
            <v>9</v>
          </cell>
        </row>
        <row r="269">
          <cell r="C269">
            <v>1.5125</v>
          </cell>
          <cell r="AT269">
            <v>1998</v>
          </cell>
          <cell r="AU269">
            <v>9</v>
          </cell>
        </row>
        <row r="270">
          <cell r="C270">
            <v>1.5125</v>
          </cell>
          <cell r="AT270">
            <v>1998</v>
          </cell>
          <cell r="AU270">
            <v>9</v>
          </cell>
        </row>
        <row r="271">
          <cell r="C271">
            <v>1.5125</v>
          </cell>
          <cell r="AT271">
            <v>1998</v>
          </cell>
          <cell r="AU271">
            <v>9</v>
          </cell>
        </row>
        <row r="272">
          <cell r="C272">
            <v>1.5109999999999999</v>
          </cell>
          <cell r="AT272">
            <v>1998</v>
          </cell>
          <cell r="AU272">
            <v>9</v>
          </cell>
        </row>
        <row r="273">
          <cell r="C273">
            <v>1.5008999999999999</v>
          </cell>
          <cell r="AT273">
            <v>1998</v>
          </cell>
          <cell r="AU273">
            <v>9</v>
          </cell>
        </row>
        <row r="274">
          <cell r="C274">
            <v>1.5259</v>
          </cell>
          <cell r="AT274">
            <v>1998</v>
          </cell>
          <cell r="AU274">
            <v>10</v>
          </cell>
        </row>
        <row r="275">
          <cell r="C275">
            <v>1.536</v>
          </cell>
          <cell r="AT275">
            <v>1998</v>
          </cell>
          <cell r="AU275">
            <v>10</v>
          </cell>
        </row>
        <row r="276">
          <cell r="C276">
            <v>1.5508</v>
          </cell>
          <cell r="AT276">
            <v>1998</v>
          </cell>
          <cell r="AU276">
            <v>10</v>
          </cell>
        </row>
        <row r="277">
          <cell r="C277">
            <v>1.5508</v>
          </cell>
          <cell r="AT277">
            <v>1998</v>
          </cell>
          <cell r="AU277">
            <v>10</v>
          </cell>
        </row>
        <row r="278">
          <cell r="C278">
            <v>1.5508</v>
          </cell>
          <cell r="AT278">
            <v>1998</v>
          </cell>
          <cell r="AU278">
            <v>10</v>
          </cell>
        </row>
        <row r="279">
          <cell r="C279">
            <v>1.5578000000000001</v>
          </cell>
          <cell r="AT279">
            <v>1998</v>
          </cell>
          <cell r="AU279">
            <v>10</v>
          </cell>
        </row>
        <row r="280">
          <cell r="C280">
            <v>1.5517000000000001</v>
          </cell>
          <cell r="AT280">
            <v>1998</v>
          </cell>
          <cell r="AU280">
            <v>10</v>
          </cell>
        </row>
        <row r="281">
          <cell r="C281">
            <v>1.5287999999999999</v>
          </cell>
          <cell r="AT281">
            <v>1998</v>
          </cell>
          <cell r="AU281">
            <v>10</v>
          </cell>
        </row>
        <row r="282">
          <cell r="C282">
            <v>1.5427999999999999</v>
          </cell>
          <cell r="AT282">
            <v>1998</v>
          </cell>
          <cell r="AU282">
            <v>10</v>
          </cell>
        </row>
        <row r="283">
          <cell r="C283">
            <v>1.5465</v>
          </cell>
          <cell r="AT283">
            <v>1998</v>
          </cell>
          <cell r="AU283">
            <v>10</v>
          </cell>
        </row>
        <row r="284">
          <cell r="C284">
            <v>1.5465</v>
          </cell>
          <cell r="AT284">
            <v>1998</v>
          </cell>
          <cell r="AU284">
            <v>10</v>
          </cell>
        </row>
        <row r="285">
          <cell r="C285">
            <v>1.5465</v>
          </cell>
          <cell r="AT285">
            <v>1998</v>
          </cell>
          <cell r="AU285">
            <v>10</v>
          </cell>
        </row>
        <row r="286">
          <cell r="C286">
            <v>1.5465</v>
          </cell>
          <cell r="AT286">
            <v>1998</v>
          </cell>
          <cell r="AU286">
            <v>10</v>
          </cell>
        </row>
        <row r="287">
          <cell r="C287">
            <v>1.548</v>
          </cell>
          <cell r="AT287">
            <v>1998</v>
          </cell>
          <cell r="AU287">
            <v>10</v>
          </cell>
        </row>
        <row r="288">
          <cell r="C288">
            <v>1.5455000000000001</v>
          </cell>
          <cell r="AT288">
            <v>1998</v>
          </cell>
          <cell r="AU288">
            <v>10</v>
          </cell>
        </row>
        <row r="289">
          <cell r="C289">
            <v>1.546</v>
          </cell>
          <cell r="AT289">
            <v>1998</v>
          </cell>
          <cell r="AU289">
            <v>10</v>
          </cell>
        </row>
        <row r="290">
          <cell r="C290">
            <v>1.5429999999999999</v>
          </cell>
          <cell r="AT290">
            <v>1998</v>
          </cell>
          <cell r="AU290">
            <v>10</v>
          </cell>
        </row>
        <row r="291">
          <cell r="C291">
            <v>1.5429999999999999</v>
          </cell>
          <cell r="AT291">
            <v>1998</v>
          </cell>
          <cell r="AU291">
            <v>10</v>
          </cell>
        </row>
        <row r="292">
          <cell r="C292">
            <v>1.5429999999999999</v>
          </cell>
          <cell r="AT292">
            <v>1998</v>
          </cell>
          <cell r="AU292">
            <v>10</v>
          </cell>
        </row>
        <row r="293">
          <cell r="C293">
            <v>1.5489999999999999</v>
          </cell>
          <cell r="AT293">
            <v>1998</v>
          </cell>
          <cell r="AU293">
            <v>10</v>
          </cell>
        </row>
        <row r="294">
          <cell r="C294">
            <v>1.5385</v>
          </cell>
          <cell r="AT294">
            <v>1998</v>
          </cell>
          <cell r="AU294">
            <v>10</v>
          </cell>
        </row>
        <row r="295">
          <cell r="C295">
            <v>1.554</v>
          </cell>
          <cell r="AT295">
            <v>1998</v>
          </cell>
          <cell r="AU295">
            <v>10</v>
          </cell>
        </row>
        <row r="296">
          <cell r="C296">
            <v>1.5432999999999999</v>
          </cell>
          <cell r="AT296">
            <v>1998</v>
          </cell>
          <cell r="AU296">
            <v>10</v>
          </cell>
        </row>
        <row r="297">
          <cell r="C297">
            <v>1.5446</v>
          </cell>
          <cell r="AT297">
            <v>1998</v>
          </cell>
          <cell r="AU297">
            <v>10</v>
          </cell>
        </row>
        <row r="298">
          <cell r="C298">
            <v>1.5446</v>
          </cell>
          <cell r="AT298">
            <v>1998</v>
          </cell>
          <cell r="AU298">
            <v>10</v>
          </cell>
        </row>
        <row r="299">
          <cell r="C299">
            <v>1.5446</v>
          </cell>
          <cell r="AT299">
            <v>1998</v>
          </cell>
          <cell r="AU299">
            <v>10</v>
          </cell>
        </row>
        <row r="300">
          <cell r="C300">
            <v>1.5449999999999999</v>
          </cell>
          <cell r="AT300">
            <v>1998</v>
          </cell>
          <cell r="AU300">
            <v>10</v>
          </cell>
        </row>
        <row r="301">
          <cell r="C301">
            <v>1.5405</v>
          </cell>
          <cell r="AT301">
            <v>1998</v>
          </cell>
          <cell r="AU301">
            <v>10</v>
          </cell>
        </row>
        <row r="302">
          <cell r="C302">
            <v>1.5421</v>
          </cell>
          <cell r="AT302">
            <v>1998</v>
          </cell>
          <cell r="AU302">
            <v>10</v>
          </cell>
        </row>
        <row r="303">
          <cell r="C303">
            <v>1.5495000000000001</v>
          </cell>
          <cell r="AT303">
            <v>1998</v>
          </cell>
          <cell r="AU303">
            <v>10</v>
          </cell>
        </row>
        <row r="304">
          <cell r="C304">
            <v>1.5425</v>
          </cell>
          <cell r="AT304">
            <v>1998</v>
          </cell>
          <cell r="AU304">
            <v>10</v>
          </cell>
        </row>
        <row r="305">
          <cell r="C305">
            <v>1.5425</v>
          </cell>
          <cell r="AT305">
            <v>1998</v>
          </cell>
          <cell r="AU305">
            <v>11</v>
          </cell>
        </row>
        <row r="306">
          <cell r="C306">
            <v>1.5425</v>
          </cell>
          <cell r="AT306">
            <v>1998</v>
          </cell>
          <cell r="AU306">
            <v>11</v>
          </cell>
        </row>
        <row r="307">
          <cell r="C307">
            <v>1.5318000000000001</v>
          </cell>
          <cell r="AT307">
            <v>1998</v>
          </cell>
          <cell r="AU307">
            <v>11</v>
          </cell>
        </row>
        <row r="308">
          <cell r="C308">
            <v>1.5238</v>
          </cell>
          <cell r="AT308">
            <v>1998</v>
          </cell>
          <cell r="AU308">
            <v>11</v>
          </cell>
        </row>
        <row r="309">
          <cell r="C309">
            <v>1.5238</v>
          </cell>
          <cell r="AT309">
            <v>1998</v>
          </cell>
          <cell r="AU309">
            <v>11</v>
          </cell>
        </row>
        <row r="310">
          <cell r="C310">
            <v>1.5176000000000001</v>
          </cell>
          <cell r="AT310">
            <v>1998</v>
          </cell>
          <cell r="AU310">
            <v>11</v>
          </cell>
        </row>
        <row r="311">
          <cell r="C311">
            <v>1.5315000000000001</v>
          </cell>
          <cell r="AT311">
            <v>1998</v>
          </cell>
          <cell r="AU311">
            <v>11</v>
          </cell>
        </row>
        <row r="312">
          <cell r="C312">
            <v>1.5315000000000001</v>
          </cell>
          <cell r="AT312">
            <v>1998</v>
          </cell>
          <cell r="AU312">
            <v>11</v>
          </cell>
        </row>
        <row r="313">
          <cell r="C313">
            <v>1.5315000000000001</v>
          </cell>
          <cell r="AT313">
            <v>1998</v>
          </cell>
          <cell r="AU313">
            <v>11</v>
          </cell>
        </row>
        <row r="314">
          <cell r="C314">
            <v>1.5347</v>
          </cell>
          <cell r="AT314">
            <v>1998</v>
          </cell>
          <cell r="AU314">
            <v>11</v>
          </cell>
        </row>
        <row r="315">
          <cell r="C315">
            <v>1.5457000000000001</v>
          </cell>
          <cell r="AT315">
            <v>1998</v>
          </cell>
          <cell r="AU315">
            <v>11</v>
          </cell>
        </row>
        <row r="316">
          <cell r="C316">
            <v>1.5457000000000001</v>
          </cell>
          <cell r="AT316">
            <v>1998</v>
          </cell>
          <cell r="AU316">
            <v>11</v>
          </cell>
        </row>
        <row r="317">
          <cell r="C317">
            <v>1.5482</v>
          </cell>
          <cell r="AT317">
            <v>1998</v>
          </cell>
          <cell r="AU317">
            <v>11</v>
          </cell>
        </row>
        <row r="318">
          <cell r="C318">
            <v>1.5522</v>
          </cell>
          <cell r="AT318">
            <v>1998</v>
          </cell>
          <cell r="AU318">
            <v>11</v>
          </cell>
        </row>
        <row r="319">
          <cell r="C319">
            <v>1.5522</v>
          </cell>
          <cell r="AT319">
            <v>1998</v>
          </cell>
          <cell r="AU319">
            <v>11</v>
          </cell>
        </row>
        <row r="320">
          <cell r="C320">
            <v>1.5522</v>
          </cell>
          <cell r="AT320">
            <v>1998</v>
          </cell>
          <cell r="AU320">
            <v>11</v>
          </cell>
        </row>
        <row r="321">
          <cell r="C321">
            <v>1.5532999999999999</v>
          </cell>
          <cell r="AT321">
            <v>1998</v>
          </cell>
          <cell r="AU321">
            <v>11</v>
          </cell>
        </row>
        <row r="322">
          <cell r="C322">
            <v>1.5491999999999999</v>
          </cell>
          <cell r="AT322">
            <v>1998</v>
          </cell>
          <cell r="AU322">
            <v>11</v>
          </cell>
        </row>
        <row r="323">
          <cell r="C323">
            <v>1.5555000000000001</v>
          </cell>
          <cell r="AT323">
            <v>1998</v>
          </cell>
          <cell r="AU323">
            <v>11</v>
          </cell>
        </row>
        <row r="324">
          <cell r="C324">
            <v>1.5494000000000001</v>
          </cell>
          <cell r="AT324">
            <v>1998</v>
          </cell>
          <cell r="AU324">
            <v>11</v>
          </cell>
        </row>
        <row r="325">
          <cell r="C325">
            <v>1.5448</v>
          </cell>
          <cell r="AT325">
            <v>1998</v>
          </cell>
          <cell r="AU325">
            <v>11</v>
          </cell>
        </row>
        <row r="326">
          <cell r="C326">
            <v>1.5448</v>
          </cell>
          <cell r="AT326">
            <v>1998</v>
          </cell>
          <cell r="AU326">
            <v>11</v>
          </cell>
        </row>
        <row r="327">
          <cell r="C327">
            <v>1.5448</v>
          </cell>
          <cell r="AT327">
            <v>1998</v>
          </cell>
          <cell r="AU327">
            <v>11</v>
          </cell>
        </row>
        <row r="328">
          <cell r="C328">
            <v>1.5468</v>
          </cell>
          <cell r="AT328">
            <v>1998</v>
          </cell>
          <cell r="AU328">
            <v>11</v>
          </cell>
        </row>
        <row r="329">
          <cell r="C329">
            <v>1.5479000000000001</v>
          </cell>
          <cell r="AT329">
            <v>1998</v>
          </cell>
          <cell r="AU329">
            <v>11</v>
          </cell>
        </row>
        <row r="330">
          <cell r="C330">
            <v>1.5445</v>
          </cell>
          <cell r="AT330">
            <v>1998</v>
          </cell>
          <cell r="AU330">
            <v>11</v>
          </cell>
        </row>
        <row r="331">
          <cell r="C331">
            <v>1.5269999999999999</v>
          </cell>
          <cell r="AT331">
            <v>1998</v>
          </cell>
          <cell r="AU331">
            <v>11</v>
          </cell>
        </row>
        <row r="332">
          <cell r="C332">
            <v>1.536</v>
          </cell>
          <cell r="AT332">
            <v>1998</v>
          </cell>
          <cell r="AU332">
            <v>11</v>
          </cell>
        </row>
        <row r="333">
          <cell r="C333">
            <v>1.536</v>
          </cell>
          <cell r="AT333">
            <v>1998</v>
          </cell>
          <cell r="AU333">
            <v>11</v>
          </cell>
        </row>
        <row r="334">
          <cell r="C334">
            <v>1.536</v>
          </cell>
          <cell r="AT334">
            <v>1998</v>
          </cell>
          <cell r="AU334">
            <v>11</v>
          </cell>
        </row>
        <row r="335">
          <cell r="C335">
            <v>1.5237000000000001</v>
          </cell>
          <cell r="AT335">
            <v>1998</v>
          </cell>
          <cell r="AU335">
            <v>12</v>
          </cell>
        </row>
        <row r="336">
          <cell r="C336">
            <v>1.5329999999999999</v>
          </cell>
          <cell r="AT336">
            <v>1998</v>
          </cell>
          <cell r="AU336">
            <v>12</v>
          </cell>
        </row>
        <row r="337">
          <cell r="C337">
            <v>1.5367</v>
          </cell>
          <cell r="AT337">
            <v>1998</v>
          </cell>
          <cell r="AU337">
            <v>12</v>
          </cell>
        </row>
        <row r="338">
          <cell r="C338">
            <v>1.5335000000000001</v>
          </cell>
          <cell r="AT338">
            <v>1998</v>
          </cell>
          <cell r="AU338">
            <v>12</v>
          </cell>
        </row>
        <row r="339">
          <cell r="C339">
            <v>1.534</v>
          </cell>
          <cell r="AT339">
            <v>1998</v>
          </cell>
          <cell r="AU339">
            <v>12</v>
          </cell>
        </row>
        <row r="340">
          <cell r="C340">
            <v>1.534</v>
          </cell>
          <cell r="AT340">
            <v>1998</v>
          </cell>
          <cell r="AU340">
            <v>12</v>
          </cell>
        </row>
        <row r="341">
          <cell r="C341">
            <v>1.534</v>
          </cell>
          <cell r="AT341">
            <v>1998</v>
          </cell>
          <cell r="AU341">
            <v>12</v>
          </cell>
        </row>
        <row r="342">
          <cell r="C342">
            <v>1.5373000000000001</v>
          </cell>
          <cell r="AT342">
            <v>1998</v>
          </cell>
          <cell r="AU342">
            <v>12</v>
          </cell>
        </row>
        <row r="343">
          <cell r="C343">
            <v>1.5446</v>
          </cell>
          <cell r="AT343">
            <v>1998</v>
          </cell>
          <cell r="AU343">
            <v>12</v>
          </cell>
        </row>
        <row r="344">
          <cell r="C344">
            <v>1.5429999999999999</v>
          </cell>
          <cell r="AT344">
            <v>1998</v>
          </cell>
          <cell r="AU344">
            <v>12</v>
          </cell>
        </row>
        <row r="345">
          <cell r="C345">
            <v>1.5408999999999999</v>
          </cell>
          <cell r="AT345">
            <v>1998</v>
          </cell>
          <cell r="AU345">
            <v>12</v>
          </cell>
        </row>
        <row r="346">
          <cell r="C346">
            <v>1.5414000000000001</v>
          </cell>
          <cell r="AT346">
            <v>1998</v>
          </cell>
          <cell r="AU346">
            <v>12</v>
          </cell>
        </row>
        <row r="347">
          <cell r="C347">
            <v>1.5414000000000001</v>
          </cell>
          <cell r="AT347">
            <v>1998</v>
          </cell>
          <cell r="AU347">
            <v>12</v>
          </cell>
        </row>
        <row r="348">
          <cell r="C348">
            <v>1.5414000000000001</v>
          </cell>
          <cell r="AT348">
            <v>1998</v>
          </cell>
          <cell r="AU348">
            <v>12</v>
          </cell>
        </row>
        <row r="349">
          <cell r="C349">
            <v>1.54</v>
          </cell>
          <cell r="AT349">
            <v>1998</v>
          </cell>
          <cell r="AU349">
            <v>12</v>
          </cell>
        </row>
        <row r="350">
          <cell r="C350">
            <v>1.5418000000000001</v>
          </cell>
          <cell r="AT350">
            <v>1998</v>
          </cell>
          <cell r="AU350">
            <v>12</v>
          </cell>
        </row>
        <row r="351">
          <cell r="C351">
            <v>1.5387</v>
          </cell>
          <cell r="AT351">
            <v>1998</v>
          </cell>
          <cell r="AU351">
            <v>12</v>
          </cell>
        </row>
        <row r="352">
          <cell r="C352">
            <v>1.5423</v>
          </cell>
          <cell r="AT352">
            <v>1998</v>
          </cell>
          <cell r="AU352">
            <v>12</v>
          </cell>
        </row>
        <row r="353">
          <cell r="C353">
            <v>1.5445</v>
          </cell>
          <cell r="AT353">
            <v>1998</v>
          </cell>
          <cell r="AU353">
            <v>12</v>
          </cell>
        </row>
        <row r="354">
          <cell r="C354">
            <v>1.5445</v>
          </cell>
          <cell r="AT354">
            <v>1998</v>
          </cell>
          <cell r="AU354">
            <v>12</v>
          </cell>
        </row>
        <row r="355">
          <cell r="C355">
            <v>1.5445</v>
          </cell>
          <cell r="AT355">
            <v>1998</v>
          </cell>
          <cell r="AU355">
            <v>12</v>
          </cell>
        </row>
        <row r="356">
          <cell r="C356">
            <v>1.5488</v>
          </cell>
          <cell r="AT356">
            <v>1998</v>
          </cell>
          <cell r="AU356">
            <v>12</v>
          </cell>
        </row>
        <row r="357">
          <cell r="C357">
            <v>1.5527</v>
          </cell>
          <cell r="AT357">
            <v>1998</v>
          </cell>
          <cell r="AU357">
            <v>12</v>
          </cell>
        </row>
        <row r="358">
          <cell r="C358">
            <v>1.5515000000000001</v>
          </cell>
          <cell r="AT358">
            <v>1998</v>
          </cell>
          <cell r="AU358">
            <v>12</v>
          </cell>
        </row>
        <row r="359">
          <cell r="C359">
            <v>1.5511999999999999</v>
          </cell>
          <cell r="AT359">
            <v>1998</v>
          </cell>
          <cell r="AU359">
            <v>12</v>
          </cell>
        </row>
        <row r="360">
          <cell r="C360">
            <v>1.5511999999999999</v>
          </cell>
          <cell r="AT360">
            <v>1998</v>
          </cell>
          <cell r="AU360">
            <v>12</v>
          </cell>
        </row>
        <row r="361">
          <cell r="C361">
            <v>1.5511999999999999</v>
          </cell>
          <cell r="AT361">
            <v>1998</v>
          </cell>
          <cell r="AU361">
            <v>12</v>
          </cell>
        </row>
        <row r="362">
          <cell r="C362">
            <v>1.5511999999999999</v>
          </cell>
          <cell r="AT362">
            <v>1998</v>
          </cell>
          <cell r="AU362">
            <v>12</v>
          </cell>
        </row>
        <row r="363">
          <cell r="C363">
            <v>1.5511999999999999</v>
          </cell>
          <cell r="AT363">
            <v>1998</v>
          </cell>
          <cell r="AU363">
            <v>12</v>
          </cell>
        </row>
        <row r="364">
          <cell r="C364">
            <v>1.5513999999999999</v>
          </cell>
          <cell r="AT364">
            <v>1998</v>
          </cell>
          <cell r="AU364">
            <v>12</v>
          </cell>
        </row>
        <row r="365">
          <cell r="C365">
            <v>1.5488</v>
          </cell>
          <cell r="AT365">
            <v>1998</v>
          </cell>
          <cell r="AU365">
            <v>12</v>
          </cell>
        </row>
        <row r="366">
          <cell r="C366">
            <v>1.5305</v>
          </cell>
          <cell r="AT366">
            <v>1999</v>
          </cell>
          <cell r="AU366">
            <v>1</v>
          </cell>
        </row>
        <row r="367">
          <cell r="C367">
            <v>1.5305</v>
          </cell>
          <cell r="AT367">
            <v>1999</v>
          </cell>
          <cell r="AU367">
            <v>1</v>
          </cell>
        </row>
        <row r="368">
          <cell r="C368">
            <v>1.5305</v>
          </cell>
          <cell r="AT368">
            <v>1999</v>
          </cell>
          <cell r="AU368">
            <v>1</v>
          </cell>
        </row>
        <row r="369">
          <cell r="C369">
            <v>1.5305</v>
          </cell>
          <cell r="AT369">
            <v>1999</v>
          </cell>
          <cell r="AU369">
            <v>1</v>
          </cell>
        </row>
        <row r="370">
          <cell r="C370">
            <v>1.5263</v>
          </cell>
          <cell r="AT370">
            <v>1999</v>
          </cell>
          <cell r="AU370">
            <v>1</v>
          </cell>
        </row>
        <row r="371">
          <cell r="C371">
            <v>1.5199</v>
          </cell>
          <cell r="AT371">
            <v>1999</v>
          </cell>
          <cell r="AU371">
            <v>1</v>
          </cell>
        </row>
        <row r="372">
          <cell r="C372">
            <v>1.5103</v>
          </cell>
          <cell r="AT372">
            <v>1999</v>
          </cell>
          <cell r="AU372">
            <v>1</v>
          </cell>
        </row>
        <row r="373">
          <cell r="C373">
            <v>1.5118</v>
          </cell>
          <cell r="AT373">
            <v>1999</v>
          </cell>
          <cell r="AU373">
            <v>1</v>
          </cell>
        </row>
        <row r="374">
          <cell r="C374">
            <v>1.5135000000000001</v>
          </cell>
          <cell r="AT374">
            <v>1999</v>
          </cell>
          <cell r="AU374">
            <v>1</v>
          </cell>
        </row>
        <row r="375">
          <cell r="C375">
            <v>1.5135000000000001</v>
          </cell>
          <cell r="AT375">
            <v>1999</v>
          </cell>
          <cell r="AU375">
            <v>1</v>
          </cell>
        </row>
        <row r="376">
          <cell r="C376">
            <v>1.5135000000000001</v>
          </cell>
          <cell r="AT376">
            <v>1999</v>
          </cell>
          <cell r="AU376">
            <v>1</v>
          </cell>
        </row>
        <row r="377">
          <cell r="C377">
            <v>1.5058</v>
          </cell>
          <cell r="AT377">
            <v>1999</v>
          </cell>
          <cell r="AU377">
            <v>1</v>
          </cell>
        </row>
        <row r="378">
          <cell r="C378">
            <v>1.5088999999999999</v>
          </cell>
          <cell r="AT378">
            <v>1999</v>
          </cell>
          <cell r="AU378">
            <v>1</v>
          </cell>
        </row>
        <row r="379">
          <cell r="C379">
            <v>1.5287999999999999</v>
          </cell>
          <cell r="AT379">
            <v>1999</v>
          </cell>
          <cell r="AU379">
            <v>1</v>
          </cell>
        </row>
        <row r="380">
          <cell r="C380">
            <v>1.5289999999999999</v>
          </cell>
          <cell r="AT380">
            <v>1999</v>
          </cell>
          <cell r="AU380">
            <v>1</v>
          </cell>
        </row>
        <row r="381">
          <cell r="C381">
            <v>1.5284</v>
          </cell>
          <cell r="AT381">
            <v>1999</v>
          </cell>
          <cell r="AU381">
            <v>1</v>
          </cell>
        </row>
        <row r="382">
          <cell r="C382">
            <v>1.5284</v>
          </cell>
          <cell r="AT382">
            <v>1999</v>
          </cell>
          <cell r="AU382">
            <v>1</v>
          </cell>
        </row>
        <row r="383">
          <cell r="C383">
            <v>1.5284</v>
          </cell>
          <cell r="AT383">
            <v>1999</v>
          </cell>
          <cell r="AU383">
            <v>1</v>
          </cell>
        </row>
        <row r="384">
          <cell r="C384">
            <v>1.5294000000000001</v>
          </cell>
          <cell r="AT384">
            <v>1999</v>
          </cell>
          <cell r="AU384">
            <v>1</v>
          </cell>
        </row>
        <row r="385">
          <cell r="C385">
            <v>1.5298</v>
          </cell>
          <cell r="AT385">
            <v>1999</v>
          </cell>
          <cell r="AU385">
            <v>1</v>
          </cell>
        </row>
        <row r="386">
          <cell r="C386">
            <v>1.5223</v>
          </cell>
          <cell r="AT386">
            <v>1999</v>
          </cell>
          <cell r="AU386">
            <v>1</v>
          </cell>
        </row>
        <row r="387">
          <cell r="C387">
            <v>1.5132000000000001</v>
          </cell>
          <cell r="AT387">
            <v>1999</v>
          </cell>
          <cell r="AU387">
            <v>1</v>
          </cell>
        </row>
        <row r="388">
          <cell r="C388">
            <v>1.5178</v>
          </cell>
          <cell r="AT388">
            <v>1999</v>
          </cell>
          <cell r="AU388">
            <v>1</v>
          </cell>
        </row>
        <row r="389">
          <cell r="C389">
            <v>1.5178</v>
          </cell>
          <cell r="AT389">
            <v>1999</v>
          </cell>
          <cell r="AU389">
            <v>1</v>
          </cell>
        </row>
        <row r="390">
          <cell r="C390">
            <v>1.5178</v>
          </cell>
          <cell r="AT390">
            <v>1999</v>
          </cell>
          <cell r="AU390">
            <v>1</v>
          </cell>
        </row>
        <row r="391">
          <cell r="C391">
            <v>1.5145</v>
          </cell>
          <cell r="AT391">
            <v>1999</v>
          </cell>
          <cell r="AU391">
            <v>1</v>
          </cell>
        </row>
        <row r="392">
          <cell r="C392">
            <v>1.5203</v>
          </cell>
          <cell r="AT392">
            <v>1999</v>
          </cell>
          <cell r="AU392">
            <v>1</v>
          </cell>
        </row>
        <row r="393">
          <cell r="C393">
            <v>1.5206999999999999</v>
          </cell>
          <cell r="AT393">
            <v>1999</v>
          </cell>
          <cell r="AU393">
            <v>1</v>
          </cell>
        </row>
        <row r="394">
          <cell r="C394">
            <v>1.526</v>
          </cell>
          <cell r="AT394">
            <v>1999</v>
          </cell>
          <cell r="AU394">
            <v>1</v>
          </cell>
        </row>
        <row r="395">
          <cell r="C395">
            <v>1.5074000000000001</v>
          </cell>
          <cell r="AT395">
            <v>1999</v>
          </cell>
          <cell r="AU395">
            <v>1</v>
          </cell>
        </row>
        <row r="396">
          <cell r="C396">
            <v>1.5074000000000001</v>
          </cell>
          <cell r="AT396">
            <v>1999</v>
          </cell>
          <cell r="AU396">
            <v>1</v>
          </cell>
        </row>
        <row r="397">
          <cell r="C397">
            <v>1.5074000000000001</v>
          </cell>
          <cell r="AT397">
            <v>1999</v>
          </cell>
          <cell r="AU397">
            <v>2</v>
          </cell>
        </row>
        <row r="398">
          <cell r="C398">
            <v>1.5084</v>
          </cell>
          <cell r="AT398">
            <v>1999</v>
          </cell>
          <cell r="AU398">
            <v>2</v>
          </cell>
        </row>
        <row r="399">
          <cell r="C399">
            <v>1.5123</v>
          </cell>
          <cell r="AT399">
            <v>1999</v>
          </cell>
          <cell r="AU399">
            <v>2</v>
          </cell>
        </row>
        <row r="400">
          <cell r="C400">
            <v>1.5134000000000001</v>
          </cell>
          <cell r="AT400">
            <v>1999</v>
          </cell>
          <cell r="AU400">
            <v>2</v>
          </cell>
        </row>
        <row r="401">
          <cell r="C401">
            <v>1.4932000000000001</v>
          </cell>
          <cell r="AT401">
            <v>1999</v>
          </cell>
          <cell r="AU401">
            <v>2</v>
          </cell>
        </row>
        <row r="402">
          <cell r="C402">
            <v>1.4878</v>
          </cell>
          <cell r="AT402">
            <v>1999</v>
          </cell>
          <cell r="AU402">
            <v>2</v>
          </cell>
        </row>
        <row r="403">
          <cell r="C403">
            <v>1.4878</v>
          </cell>
          <cell r="AT403">
            <v>1999</v>
          </cell>
          <cell r="AU403">
            <v>2</v>
          </cell>
        </row>
        <row r="404">
          <cell r="C404">
            <v>1.4878</v>
          </cell>
          <cell r="AT404">
            <v>1999</v>
          </cell>
          <cell r="AU404">
            <v>2</v>
          </cell>
        </row>
        <row r="405">
          <cell r="C405">
            <v>1.4876</v>
          </cell>
          <cell r="AT405">
            <v>1999</v>
          </cell>
          <cell r="AU405">
            <v>2</v>
          </cell>
        </row>
        <row r="406">
          <cell r="C406">
            <v>1.4932000000000001</v>
          </cell>
          <cell r="AT406">
            <v>1999</v>
          </cell>
          <cell r="AU406">
            <v>2</v>
          </cell>
        </row>
        <row r="407">
          <cell r="C407">
            <v>1.4935</v>
          </cell>
          <cell r="AT407">
            <v>1999</v>
          </cell>
          <cell r="AU407">
            <v>2</v>
          </cell>
        </row>
        <row r="408">
          <cell r="C408">
            <v>1.4890000000000001</v>
          </cell>
          <cell r="AT408">
            <v>1999</v>
          </cell>
          <cell r="AU408">
            <v>2</v>
          </cell>
        </row>
        <row r="409">
          <cell r="C409">
            <v>1.4921</v>
          </cell>
          <cell r="AT409">
            <v>1999</v>
          </cell>
          <cell r="AU409">
            <v>2</v>
          </cell>
        </row>
        <row r="410">
          <cell r="C410">
            <v>1.4921</v>
          </cell>
          <cell r="AT410">
            <v>1999</v>
          </cell>
          <cell r="AU410">
            <v>2</v>
          </cell>
        </row>
        <row r="411">
          <cell r="C411">
            <v>1.4921</v>
          </cell>
          <cell r="AT411">
            <v>1999</v>
          </cell>
          <cell r="AU411">
            <v>2</v>
          </cell>
        </row>
        <row r="412">
          <cell r="C412">
            <v>1.4938</v>
          </cell>
          <cell r="AT412">
            <v>1999</v>
          </cell>
          <cell r="AU412">
            <v>2</v>
          </cell>
        </row>
        <row r="413">
          <cell r="C413">
            <v>1.4995000000000001</v>
          </cell>
          <cell r="AT413">
            <v>1999</v>
          </cell>
          <cell r="AU413">
            <v>2</v>
          </cell>
        </row>
        <row r="414">
          <cell r="C414">
            <v>1.4993000000000001</v>
          </cell>
          <cell r="AT414">
            <v>1999</v>
          </cell>
          <cell r="AU414">
            <v>2</v>
          </cell>
        </row>
        <row r="415">
          <cell r="C415">
            <v>1.4870000000000001</v>
          </cell>
          <cell r="AT415">
            <v>1999</v>
          </cell>
          <cell r="AU415">
            <v>2</v>
          </cell>
        </row>
        <row r="416">
          <cell r="C416">
            <v>1.4903</v>
          </cell>
          <cell r="AT416">
            <v>1999</v>
          </cell>
          <cell r="AU416">
            <v>2</v>
          </cell>
        </row>
        <row r="417">
          <cell r="C417">
            <v>1.4903</v>
          </cell>
          <cell r="AT417">
            <v>1999</v>
          </cell>
          <cell r="AU417">
            <v>2</v>
          </cell>
        </row>
        <row r="418">
          <cell r="C418">
            <v>1.4903</v>
          </cell>
          <cell r="AT418">
            <v>1999</v>
          </cell>
          <cell r="AU418">
            <v>2</v>
          </cell>
        </row>
        <row r="419">
          <cell r="C419">
            <v>1.4967999999999999</v>
          </cell>
          <cell r="AT419">
            <v>1999</v>
          </cell>
          <cell r="AU419">
            <v>2</v>
          </cell>
        </row>
        <row r="420">
          <cell r="C420">
            <v>1.4965999999999999</v>
          </cell>
          <cell r="AT420">
            <v>1999</v>
          </cell>
          <cell r="AU420">
            <v>2</v>
          </cell>
        </row>
        <row r="421">
          <cell r="C421">
            <v>1.4985999999999999</v>
          </cell>
          <cell r="AT421">
            <v>1999</v>
          </cell>
          <cell r="AU421">
            <v>2</v>
          </cell>
        </row>
        <row r="422">
          <cell r="C422">
            <v>1.5057</v>
          </cell>
          <cell r="AT422">
            <v>1999</v>
          </cell>
          <cell r="AU422">
            <v>2</v>
          </cell>
        </row>
        <row r="423">
          <cell r="C423">
            <v>1.5074000000000001</v>
          </cell>
          <cell r="AT423">
            <v>1999</v>
          </cell>
          <cell r="AU423">
            <v>2</v>
          </cell>
        </row>
        <row r="424">
          <cell r="C424">
            <v>1.5074000000000001</v>
          </cell>
          <cell r="AT424">
            <v>1999</v>
          </cell>
          <cell r="AU424">
            <v>2</v>
          </cell>
        </row>
        <row r="425">
          <cell r="C425">
            <v>1.5074000000000001</v>
          </cell>
          <cell r="AT425">
            <v>1999</v>
          </cell>
          <cell r="AU425">
            <v>3</v>
          </cell>
        </row>
        <row r="426">
          <cell r="C426">
            <v>1.5228999999999999</v>
          </cell>
          <cell r="AT426">
            <v>1999</v>
          </cell>
          <cell r="AU426">
            <v>3</v>
          </cell>
        </row>
        <row r="427">
          <cell r="C427">
            <v>1.52</v>
          </cell>
          <cell r="AT427">
            <v>1999</v>
          </cell>
          <cell r="AU427">
            <v>3</v>
          </cell>
        </row>
        <row r="428">
          <cell r="C428">
            <v>1.5269999999999999</v>
          </cell>
          <cell r="AT428">
            <v>1999</v>
          </cell>
          <cell r="AU428">
            <v>3</v>
          </cell>
        </row>
        <row r="429">
          <cell r="C429">
            <v>1.5254000000000001</v>
          </cell>
          <cell r="AT429">
            <v>1999</v>
          </cell>
          <cell r="AU429">
            <v>3</v>
          </cell>
        </row>
        <row r="430">
          <cell r="C430">
            <v>1.5167999999999999</v>
          </cell>
          <cell r="AT430">
            <v>1999</v>
          </cell>
          <cell r="AU430">
            <v>3</v>
          </cell>
        </row>
        <row r="431">
          <cell r="C431">
            <v>1.5167999999999999</v>
          </cell>
          <cell r="AT431">
            <v>1999</v>
          </cell>
          <cell r="AU431">
            <v>3</v>
          </cell>
        </row>
        <row r="432">
          <cell r="C432">
            <v>1.5167999999999999</v>
          </cell>
          <cell r="AT432">
            <v>1999</v>
          </cell>
          <cell r="AU432">
            <v>3</v>
          </cell>
        </row>
        <row r="433">
          <cell r="C433">
            <v>1.5155000000000001</v>
          </cell>
          <cell r="AT433">
            <v>1999</v>
          </cell>
          <cell r="AU433">
            <v>3</v>
          </cell>
        </row>
        <row r="434">
          <cell r="C434">
            <v>1.5168999999999999</v>
          </cell>
          <cell r="AT434">
            <v>1999</v>
          </cell>
          <cell r="AU434">
            <v>3</v>
          </cell>
        </row>
        <row r="435">
          <cell r="C435">
            <v>1.5239</v>
          </cell>
          <cell r="AT435">
            <v>1999</v>
          </cell>
          <cell r="AU435">
            <v>3</v>
          </cell>
        </row>
        <row r="436">
          <cell r="C436">
            <v>1.5225</v>
          </cell>
          <cell r="AT436">
            <v>1999</v>
          </cell>
          <cell r="AU436">
            <v>3</v>
          </cell>
        </row>
        <row r="437">
          <cell r="C437">
            <v>1.5238</v>
          </cell>
          <cell r="AT437">
            <v>1999</v>
          </cell>
          <cell r="AU437">
            <v>3</v>
          </cell>
        </row>
        <row r="438">
          <cell r="C438">
            <v>1.5238</v>
          </cell>
          <cell r="AT438">
            <v>1999</v>
          </cell>
          <cell r="AU438">
            <v>3</v>
          </cell>
        </row>
        <row r="439">
          <cell r="C439">
            <v>1.5238</v>
          </cell>
          <cell r="AT439">
            <v>1999</v>
          </cell>
          <cell r="AU439">
            <v>3</v>
          </cell>
        </row>
        <row r="440">
          <cell r="C440">
            <v>1.5275000000000001</v>
          </cell>
          <cell r="AT440">
            <v>1999</v>
          </cell>
          <cell r="AU440">
            <v>3</v>
          </cell>
        </row>
        <row r="441">
          <cell r="C441">
            <v>1.5285</v>
          </cell>
          <cell r="AT441">
            <v>1999</v>
          </cell>
          <cell r="AU441">
            <v>3</v>
          </cell>
        </row>
        <row r="442">
          <cell r="C442">
            <v>1.5217000000000001</v>
          </cell>
          <cell r="AT442">
            <v>1999</v>
          </cell>
          <cell r="AU442">
            <v>3</v>
          </cell>
        </row>
        <row r="443">
          <cell r="C443">
            <v>1.5197000000000001</v>
          </cell>
          <cell r="AT443">
            <v>1999</v>
          </cell>
          <cell r="AU443">
            <v>3</v>
          </cell>
        </row>
        <row r="444">
          <cell r="C444">
            <v>1.5153000000000001</v>
          </cell>
          <cell r="AT444">
            <v>1999</v>
          </cell>
          <cell r="AU444">
            <v>3</v>
          </cell>
        </row>
        <row r="445">
          <cell r="C445">
            <v>1.5153000000000001</v>
          </cell>
          <cell r="AT445">
            <v>1999</v>
          </cell>
          <cell r="AU445">
            <v>3</v>
          </cell>
        </row>
        <row r="446">
          <cell r="C446">
            <v>1.5153000000000001</v>
          </cell>
          <cell r="AT446">
            <v>1999</v>
          </cell>
          <cell r="AU446">
            <v>3</v>
          </cell>
        </row>
        <row r="447">
          <cell r="C447">
            <v>1.5069999999999999</v>
          </cell>
          <cell r="AT447">
            <v>1999</v>
          </cell>
          <cell r="AU447">
            <v>3</v>
          </cell>
        </row>
        <row r="448">
          <cell r="C448">
            <v>1.5063</v>
          </cell>
          <cell r="AT448">
            <v>1999</v>
          </cell>
          <cell r="AU448">
            <v>3</v>
          </cell>
        </row>
        <row r="449">
          <cell r="C449">
            <v>1.5039</v>
          </cell>
          <cell r="AT449">
            <v>1999</v>
          </cell>
          <cell r="AU449">
            <v>3</v>
          </cell>
        </row>
        <row r="450">
          <cell r="C450">
            <v>1.5102</v>
          </cell>
          <cell r="AT450">
            <v>1999</v>
          </cell>
          <cell r="AU450">
            <v>3</v>
          </cell>
        </row>
        <row r="451">
          <cell r="C451">
            <v>1.5134000000000001</v>
          </cell>
          <cell r="AT451">
            <v>1999</v>
          </cell>
          <cell r="AU451">
            <v>3</v>
          </cell>
        </row>
        <row r="452">
          <cell r="C452">
            <v>1.5134000000000001</v>
          </cell>
          <cell r="AT452">
            <v>1999</v>
          </cell>
          <cell r="AU452">
            <v>3</v>
          </cell>
        </row>
        <row r="453">
          <cell r="C453">
            <v>1.5134000000000001</v>
          </cell>
          <cell r="AT453">
            <v>1999</v>
          </cell>
          <cell r="AU453">
            <v>3</v>
          </cell>
        </row>
        <row r="454">
          <cell r="C454">
            <v>1.5125999999999999</v>
          </cell>
          <cell r="AT454">
            <v>1999</v>
          </cell>
          <cell r="AU454">
            <v>3</v>
          </cell>
        </row>
        <row r="455">
          <cell r="C455">
            <v>1.5125</v>
          </cell>
          <cell r="AT455">
            <v>1999</v>
          </cell>
          <cell r="AU455">
            <v>3</v>
          </cell>
        </row>
        <row r="456">
          <cell r="C456">
            <v>1.5092000000000001</v>
          </cell>
          <cell r="AT456">
            <v>1999</v>
          </cell>
          <cell r="AU456">
            <v>4</v>
          </cell>
        </row>
        <row r="457">
          <cell r="C457">
            <v>1.5007999999999999</v>
          </cell>
          <cell r="AT457">
            <v>1999</v>
          </cell>
          <cell r="AU457">
            <v>4</v>
          </cell>
        </row>
        <row r="458">
          <cell r="C458">
            <v>1.5007999999999999</v>
          </cell>
          <cell r="AT458">
            <v>1999</v>
          </cell>
          <cell r="AU458">
            <v>4</v>
          </cell>
        </row>
        <row r="459">
          <cell r="C459">
            <v>1.5007999999999999</v>
          </cell>
          <cell r="AT459">
            <v>1999</v>
          </cell>
          <cell r="AU459">
            <v>4</v>
          </cell>
        </row>
        <row r="460">
          <cell r="C460">
            <v>1.5007999999999999</v>
          </cell>
          <cell r="AT460">
            <v>1999</v>
          </cell>
          <cell r="AU460">
            <v>4</v>
          </cell>
        </row>
        <row r="461">
          <cell r="C461">
            <v>1.4990000000000001</v>
          </cell>
          <cell r="AT461">
            <v>1999</v>
          </cell>
          <cell r="AU461">
            <v>4</v>
          </cell>
        </row>
        <row r="462">
          <cell r="C462">
            <v>1.5034000000000001</v>
          </cell>
          <cell r="AT462">
            <v>1999</v>
          </cell>
          <cell r="AU462">
            <v>4</v>
          </cell>
        </row>
        <row r="463">
          <cell r="C463">
            <v>1.5005999999999999</v>
          </cell>
          <cell r="AT463">
            <v>1999</v>
          </cell>
          <cell r="AU463">
            <v>4</v>
          </cell>
        </row>
        <row r="464">
          <cell r="C464">
            <v>1.4988999999999999</v>
          </cell>
          <cell r="AT464">
            <v>1999</v>
          </cell>
          <cell r="AU464">
            <v>4</v>
          </cell>
        </row>
        <row r="465">
          <cell r="C465">
            <v>1.502</v>
          </cell>
          <cell r="AT465">
            <v>1999</v>
          </cell>
          <cell r="AU465">
            <v>4</v>
          </cell>
        </row>
        <row r="466">
          <cell r="C466">
            <v>1.502</v>
          </cell>
          <cell r="AT466">
            <v>1999</v>
          </cell>
          <cell r="AU466">
            <v>4</v>
          </cell>
        </row>
        <row r="467">
          <cell r="C467">
            <v>1.502</v>
          </cell>
          <cell r="AT467">
            <v>1999</v>
          </cell>
          <cell r="AU467">
            <v>4</v>
          </cell>
        </row>
        <row r="468">
          <cell r="C468">
            <v>1.4942</v>
          </cell>
          <cell r="AT468">
            <v>1999</v>
          </cell>
          <cell r="AU468">
            <v>4</v>
          </cell>
        </row>
        <row r="469">
          <cell r="C469">
            <v>1.4901</v>
          </cell>
          <cell r="AT469">
            <v>1999</v>
          </cell>
          <cell r="AU469">
            <v>4</v>
          </cell>
        </row>
        <row r="470">
          <cell r="C470">
            <v>1.4928999999999999</v>
          </cell>
          <cell r="AT470">
            <v>1999</v>
          </cell>
          <cell r="AU470">
            <v>4</v>
          </cell>
        </row>
        <row r="471">
          <cell r="C471">
            <v>1.4904999999999999</v>
          </cell>
          <cell r="AT471">
            <v>1999</v>
          </cell>
          <cell r="AU471">
            <v>4</v>
          </cell>
        </row>
        <row r="472">
          <cell r="C472">
            <v>1.4854000000000001</v>
          </cell>
          <cell r="AT472">
            <v>1999</v>
          </cell>
          <cell r="AU472">
            <v>4</v>
          </cell>
        </row>
        <row r="473">
          <cell r="C473">
            <v>1.4854000000000001</v>
          </cell>
          <cell r="AT473">
            <v>1999</v>
          </cell>
          <cell r="AU473">
            <v>4</v>
          </cell>
        </row>
        <row r="474">
          <cell r="C474">
            <v>1.4854000000000001</v>
          </cell>
          <cell r="AT474">
            <v>1999</v>
          </cell>
          <cell r="AU474">
            <v>4</v>
          </cell>
        </row>
        <row r="475">
          <cell r="C475">
            <v>1.4825999999999999</v>
          </cell>
          <cell r="AT475">
            <v>1999</v>
          </cell>
          <cell r="AU475">
            <v>4</v>
          </cell>
        </row>
        <row r="476">
          <cell r="C476">
            <v>1.4895</v>
          </cell>
          <cell r="AT476">
            <v>1999</v>
          </cell>
          <cell r="AU476">
            <v>4</v>
          </cell>
        </row>
        <row r="477">
          <cell r="C477">
            <v>1.4891000000000001</v>
          </cell>
          <cell r="AT477">
            <v>1999</v>
          </cell>
          <cell r="AU477">
            <v>4</v>
          </cell>
        </row>
        <row r="478">
          <cell r="C478">
            <v>1.4811000000000001</v>
          </cell>
          <cell r="AT478">
            <v>1999</v>
          </cell>
          <cell r="AU478">
            <v>4</v>
          </cell>
        </row>
        <row r="479">
          <cell r="C479">
            <v>1.4763999999999999</v>
          </cell>
          <cell r="AT479">
            <v>1999</v>
          </cell>
          <cell r="AU479">
            <v>4</v>
          </cell>
        </row>
        <row r="480">
          <cell r="C480">
            <v>1.4763999999999999</v>
          </cell>
          <cell r="AT480">
            <v>1999</v>
          </cell>
          <cell r="AU480">
            <v>4</v>
          </cell>
        </row>
        <row r="481">
          <cell r="C481">
            <v>1.4763999999999999</v>
          </cell>
          <cell r="AT481">
            <v>1999</v>
          </cell>
          <cell r="AU481">
            <v>4</v>
          </cell>
        </row>
        <row r="482">
          <cell r="C482">
            <v>1.4790000000000001</v>
          </cell>
          <cell r="AT482">
            <v>1999</v>
          </cell>
          <cell r="AU482">
            <v>4</v>
          </cell>
        </row>
        <row r="483">
          <cell r="C483">
            <v>1.4785999999999999</v>
          </cell>
          <cell r="AT483">
            <v>1999</v>
          </cell>
          <cell r="AU483">
            <v>4</v>
          </cell>
        </row>
        <row r="484">
          <cell r="C484">
            <v>1.4764999999999999</v>
          </cell>
          <cell r="AT484">
            <v>1999</v>
          </cell>
          <cell r="AU484">
            <v>4</v>
          </cell>
        </row>
        <row r="485">
          <cell r="C485">
            <v>1.4666999999999999</v>
          </cell>
          <cell r="AT485">
            <v>1999</v>
          </cell>
          <cell r="AU485">
            <v>4</v>
          </cell>
        </row>
        <row r="486">
          <cell r="C486">
            <v>1.4576</v>
          </cell>
          <cell r="AT486">
            <v>1999</v>
          </cell>
          <cell r="AU486">
            <v>5</v>
          </cell>
        </row>
        <row r="487">
          <cell r="C487">
            <v>1.4576</v>
          </cell>
          <cell r="AT487">
            <v>1999</v>
          </cell>
          <cell r="AU487">
            <v>5</v>
          </cell>
        </row>
        <row r="488">
          <cell r="C488">
            <v>1.4576</v>
          </cell>
          <cell r="AT488">
            <v>1999</v>
          </cell>
          <cell r="AU488">
            <v>5</v>
          </cell>
        </row>
        <row r="489">
          <cell r="C489">
            <v>1.4504999999999999</v>
          </cell>
          <cell r="AT489">
            <v>1999</v>
          </cell>
          <cell r="AU489">
            <v>5</v>
          </cell>
        </row>
        <row r="490">
          <cell r="C490">
            <v>1.4532</v>
          </cell>
          <cell r="AT490">
            <v>1999</v>
          </cell>
          <cell r="AU490">
            <v>5</v>
          </cell>
        </row>
        <row r="491">
          <cell r="C491">
            <v>1.456</v>
          </cell>
          <cell r="AT491">
            <v>1999</v>
          </cell>
          <cell r="AU491">
            <v>5</v>
          </cell>
        </row>
        <row r="492">
          <cell r="C492">
            <v>1.456</v>
          </cell>
          <cell r="AT492">
            <v>1999</v>
          </cell>
          <cell r="AU492">
            <v>5</v>
          </cell>
        </row>
        <row r="493">
          <cell r="C493">
            <v>1.4582999999999999</v>
          </cell>
          <cell r="AT493">
            <v>1999</v>
          </cell>
          <cell r="AU493">
            <v>5</v>
          </cell>
        </row>
        <row r="494">
          <cell r="C494">
            <v>1.4582999999999999</v>
          </cell>
          <cell r="AT494">
            <v>1999</v>
          </cell>
          <cell r="AU494">
            <v>5</v>
          </cell>
        </row>
        <row r="495">
          <cell r="C495">
            <v>1.4582999999999999</v>
          </cell>
          <cell r="AT495">
            <v>1999</v>
          </cell>
          <cell r="AU495">
            <v>5</v>
          </cell>
        </row>
        <row r="496">
          <cell r="C496">
            <v>1.4597</v>
          </cell>
          <cell r="AT496">
            <v>1999</v>
          </cell>
          <cell r="AU496">
            <v>5</v>
          </cell>
        </row>
        <row r="497">
          <cell r="C497">
            <v>1.4544999999999999</v>
          </cell>
          <cell r="AT497">
            <v>1999</v>
          </cell>
          <cell r="AU497">
            <v>5</v>
          </cell>
        </row>
        <row r="498">
          <cell r="C498">
            <v>1.4608000000000001</v>
          </cell>
          <cell r="AT498">
            <v>1999</v>
          </cell>
          <cell r="AU498">
            <v>5</v>
          </cell>
        </row>
        <row r="499">
          <cell r="C499">
            <v>1.4599</v>
          </cell>
          <cell r="AT499">
            <v>1999</v>
          </cell>
          <cell r="AU499">
            <v>5</v>
          </cell>
        </row>
        <row r="500">
          <cell r="C500">
            <v>1.4638</v>
          </cell>
          <cell r="AT500">
            <v>1999</v>
          </cell>
          <cell r="AU500">
            <v>5</v>
          </cell>
        </row>
        <row r="501">
          <cell r="C501">
            <v>1.4638</v>
          </cell>
          <cell r="AT501">
            <v>1999</v>
          </cell>
          <cell r="AU501">
            <v>5</v>
          </cell>
        </row>
        <row r="502">
          <cell r="C502">
            <v>1.4638</v>
          </cell>
          <cell r="AT502">
            <v>1999</v>
          </cell>
          <cell r="AU502">
            <v>5</v>
          </cell>
        </row>
        <row r="503">
          <cell r="C503">
            <v>1.4602999999999999</v>
          </cell>
          <cell r="AT503">
            <v>1999</v>
          </cell>
          <cell r="AU503">
            <v>5</v>
          </cell>
        </row>
        <row r="504">
          <cell r="C504">
            <v>1.4604999999999999</v>
          </cell>
          <cell r="AT504">
            <v>1999</v>
          </cell>
          <cell r="AU504">
            <v>5</v>
          </cell>
        </row>
        <row r="505">
          <cell r="C505">
            <v>1.4659</v>
          </cell>
          <cell r="AT505">
            <v>1999</v>
          </cell>
          <cell r="AU505">
            <v>5</v>
          </cell>
        </row>
        <row r="506">
          <cell r="C506">
            <v>1.4657</v>
          </cell>
          <cell r="AT506">
            <v>1999</v>
          </cell>
          <cell r="AU506">
            <v>5</v>
          </cell>
        </row>
        <row r="507">
          <cell r="C507">
            <v>1.4595</v>
          </cell>
          <cell r="AT507">
            <v>1999</v>
          </cell>
          <cell r="AU507">
            <v>5</v>
          </cell>
        </row>
        <row r="508">
          <cell r="C508">
            <v>1.4595</v>
          </cell>
          <cell r="AT508">
            <v>1999</v>
          </cell>
          <cell r="AU508">
            <v>5</v>
          </cell>
        </row>
        <row r="509">
          <cell r="C509">
            <v>1.4595</v>
          </cell>
          <cell r="AT509">
            <v>1999</v>
          </cell>
          <cell r="AU509">
            <v>5</v>
          </cell>
        </row>
        <row r="510">
          <cell r="C510">
            <v>1.4595</v>
          </cell>
          <cell r="AT510">
            <v>1999</v>
          </cell>
          <cell r="AU510">
            <v>5</v>
          </cell>
        </row>
        <row r="511">
          <cell r="C511">
            <v>1.4598</v>
          </cell>
          <cell r="AT511">
            <v>1999</v>
          </cell>
          <cell r="AU511">
            <v>5</v>
          </cell>
        </row>
        <row r="512">
          <cell r="C512">
            <v>1.4723999999999999</v>
          </cell>
          <cell r="AT512">
            <v>1999</v>
          </cell>
          <cell r="AU512">
            <v>5</v>
          </cell>
        </row>
        <row r="513">
          <cell r="C513">
            <v>1.4751000000000001</v>
          </cell>
          <cell r="AT513">
            <v>1999</v>
          </cell>
          <cell r="AU513">
            <v>5</v>
          </cell>
        </row>
        <row r="514">
          <cell r="C514">
            <v>1.472</v>
          </cell>
          <cell r="AT514">
            <v>1999</v>
          </cell>
          <cell r="AU514">
            <v>5</v>
          </cell>
        </row>
        <row r="515">
          <cell r="C515">
            <v>1.472</v>
          </cell>
          <cell r="AT515">
            <v>1999</v>
          </cell>
          <cell r="AU515">
            <v>5</v>
          </cell>
        </row>
        <row r="516">
          <cell r="C516">
            <v>1.472</v>
          </cell>
          <cell r="AT516">
            <v>1999</v>
          </cell>
          <cell r="AU516">
            <v>5</v>
          </cell>
        </row>
        <row r="517">
          <cell r="C517">
            <v>1.4770000000000001</v>
          </cell>
          <cell r="AT517">
            <v>1999</v>
          </cell>
          <cell r="AU517">
            <v>6</v>
          </cell>
        </row>
        <row r="518">
          <cell r="C518">
            <v>1.4835</v>
          </cell>
          <cell r="AT518">
            <v>1999</v>
          </cell>
          <cell r="AU518">
            <v>6</v>
          </cell>
        </row>
        <row r="519">
          <cell r="C519">
            <v>1.4801</v>
          </cell>
          <cell r="AT519">
            <v>1999</v>
          </cell>
          <cell r="AU519">
            <v>6</v>
          </cell>
        </row>
        <row r="520">
          <cell r="C520">
            <v>1.4762</v>
          </cell>
          <cell r="AT520">
            <v>1999</v>
          </cell>
          <cell r="AU520">
            <v>6</v>
          </cell>
        </row>
        <row r="521">
          <cell r="C521">
            <v>1.4697</v>
          </cell>
          <cell r="AT521">
            <v>1999</v>
          </cell>
          <cell r="AU521">
            <v>6</v>
          </cell>
        </row>
        <row r="522">
          <cell r="C522">
            <v>1.4697</v>
          </cell>
          <cell r="AT522">
            <v>1999</v>
          </cell>
          <cell r="AU522">
            <v>6</v>
          </cell>
        </row>
        <row r="523">
          <cell r="C523">
            <v>1.4697</v>
          </cell>
          <cell r="AT523">
            <v>1999</v>
          </cell>
          <cell r="AU523">
            <v>6</v>
          </cell>
        </row>
        <row r="524">
          <cell r="C524">
            <v>1.4730000000000001</v>
          </cell>
          <cell r="AT524">
            <v>1999</v>
          </cell>
          <cell r="AU524">
            <v>6</v>
          </cell>
        </row>
        <row r="525">
          <cell r="C525">
            <v>1.4698</v>
          </cell>
          <cell r="AT525">
            <v>1999</v>
          </cell>
          <cell r="AU525">
            <v>6</v>
          </cell>
        </row>
        <row r="526">
          <cell r="C526">
            <v>1.4722</v>
          </cell>
          <cell r="AT526">
            <v>1999</v>
          </cell>
          <cell r="AU526">
            <v>6</v>
          </cell>
        </row>
        <row r="527">
          <cell r="C527">
            <v>1.4601999999999999</v>
          </cell>
          <cell r="AT527">
            <v>1999</v>
          </cell>
          <cell r="AU527">
            <v>6</v>
          </cell>
        </row>
        <row r="528">
          <cell r="C528">
            <v>1.4603999999999999</v>
          </cell>
          <cell r="AT528">
            <v>1999</v>
          </cell>
          <cell r="AU528">
            <v>6</v>
          </cell>
        </row>
        <row r="529">
          <cell r="C529">
            <v>1.4603999999999999</v>
          </cell>
          <cell r="AT529">
            <v>1999</v>
          </cell>
          <cell r="AU529">
            <v>6</v>
          </cell>
        </row>
        <row r="530">
          <cell r="C530">
            <v>1.4603999999999999</v>
          </cell>
          <cell r="AT530">
            <v>1999</v>
          </cell>
          <cell r="AU530">
            <v>6</v>
          </cell>
        </row>
        <row r="531">
          <cell r="C531">
            <v>1.4598</v>
          </cell>
          <cell r="AT531">
            <v>1999</v>
          </cell>
          <cell r="AU531">
            <v>6</v>
          </cell>
        </row>
        <row r="532">
          <cell r="C532">
            <v>1.4644999999999999</v>
          </cell>
          <cell r="AT532">
            <v>1999</v>
          </cell>
          <cell r="AU532">
            <v>6</v>
          </cell>
        </row>
        <row r="533">
          <cell r="C533">
            <v>1.4587000000000001</v>
          </cell>
          <cell r="AT533">
            <v>1999</v>
          </cell>
          <cell r="AU533">
            <v>6</v>
          </cell>
        </row>
        <row r="534">
          <cell r="C534">
            <v>1.4610000000000001</v>
          </cell>
          <cell r="AT534">
            <v>1999</v>
          </cell>
          <cell r="AU534">
            <v>6</v>
          </cell>
        </row>
        <row r="535">
          <cell r="C535">
            <v>1.4641999999999999</v>
          </cell>
          <cell r="AT535">
            <v>1999</v>
          </cell>
          <cell r="AU535">
            <v>6</v>
          </cell>
        </row>
        <row r="536">
          <cell r="C536">
            <v>1.4641999999999999</v>
          </cell>
          <cell r="AT536">
            <v>1999</v>
          </cell>
          <cell r="AU536">
            <v>6</v>
          </cell>
        </row>
        <row r="537">
          <cell r="C537">
            <v>1.4641999999999999</v>
          </cell>
          <cell r="AT537">
            <v>1999</v>
          </cell>
          <cell r="AU537">
            <v>6</v>
          </cell>
        </row>
        <row r="538">
          <cell r="C538">
            <v>1.4724999999999999</v>
          </cell>
          <cell r="AT538">
            <v>1999</v>
          </cell>
          <cell r="AU538">
            <v>6</v>
          </cell>
        </row>
        <row r="539">
          <cell r="C539">
            <v>1.47</v>
          </cell>
          <cell r="AT539">
            <v>1999</v>
          </cell>
          <cell r="AU539">
            <v>6</v>
          </cell>
        </row>
        <row r="540">
          <cell r="C540">
            <v>1.4733000000000001</v>
          </cell>
          <cell r="AT540">
            <v>1999</v>
          </cell>
          <cell r="AU540">
            <v>6</v>
          </cell>
        </row>
        <row r="541">
          <cell r="C541">
            <v>1.4706999999999999</v>
          </cell>
          <cell r="AT541">
            <v>1999</v>
          </cell>
          <cell r="AU541">
            <v>6</v>
          </cell>
        </row>
        <row r="542">
          <cell r="C542">
            <v>1.4632000000000001</v>
          </cell>
          <cell r="AT542">
            <v>1999</v>
          </cell>
          <cell r="AU542">
            <v>6</v>
          </cell>
        </row>
        <row r="543">
          <cell r="C543">
            <v>1.4632000000000001</v>
          </cell>
          <cell r="AT543">
            <v>1999</v>
          </cell>
          <cell r="AU543">
            <v>6</v>
          </cell>
        </row>
        <row r="544">
          <cell r="C544">
            <v>1.4632000000000001</v>
          </cell>
          <cell r="AT544">
            <v>1999</v>
          </cell>
          <cell r="AU544">
            <v>6</v>
          </cell>
        </row>
        <row r="545">
          <cell r="C545">
            <v>1.4694</v>
          </cell>
          <cell r="AT545">
            <v>1999</v>
          </cell>
          <cell r="AU545">
            <v>6</v>
          </cell>
        </row>
        <row r="546">
          <cell r="C546">
            <v>1.4757</v>
          </cell>
          <cell r="AT546">
            <v>1999</v>
          </cell>
          <cell r="AU546">
            <v>6</v>
          </cell>
        </row>
        <row r="547">
          <cell r="C547">
            <v>1.472</v>
          </cell>
          <cell r="AT547">
            <v>1999</v>
          </cell>
          <cell r="AU547">
            <v>7</v>
          </cell>
        </row>
        <row r="548">
          <cell r="C548">
            <v>1.472</v>
          </cell>
          <cell r="AT548">
            <v>1999</v>
          </cell>
          <cell r="AU548">
            <v>7</v>
          </cell>
        </row>
        <row r="549">
          <cell r="C549">
            <v>1.4644999999999999</v>
          </cell>
          <cell r="AT549">
            <v>1999</v>
          </cell>
          <cell r="AU549">
            <v>7</v>
          </cell>
        </row>
        <row r="550">
          <cell r="C550">
            <v>1.4644999999999999</v>
          </cell>
          <cell r="AT550">
            <v>1999</v>
          </cell>
          <cell r="AU550">
            <v>7</v>
          </cell>
        </row>
        <row r="551">
          <cell r="C551">
            <v>1.4644999999999999</v>
          </cell>
          <cell r="AT551">
            <v>1999</v>
          </cell>
          <cell r="AU551">
            <v>7</v>
          </cell>
        </row>
        <row r="552">
          <cell r="C552">
            <v>1.4673</v>
          </cell>
          <cell r="AT552">
            <v>1999</v>
          </cell>
          <cell r="AU552">
            <v>7</v>
          </cell>
        </row>
        <row r="553">
          <cell r="C553">
            <v>1.4681999999999999</v>
          </cell>
          <cell r="AT553">
            <v>1999</v>
          </cell>
          <cell r="AU553">
            <v>7</v>
          </cell>
        </row>
        <row r="554">
          <cell r="C554">
            <v>1.47</v>
          </cell>
          <cell r="AT554">
            <v>1999</v>
          </cell>
          <cell r="AU554">
            <v>7</v>
          </cell>
        </row>
        <row r="555">
          <cell r="C555">
            <v>1.4697</v>
          </cell>
          <cell r="AT555">
            <v>1999</v>
          </cell>
          <cell r="AU555">
            <v>7</v>
          </cell>
        </row>
        <row r="556">
          <cell r="C556">
            <v>1.4731000000000001</v>
          </cell>
          <cell r="AT556">
            <v>1999</v>
          </cell>
          <cell r="AU556">
            <v>7</v>
          </cell>
        </row>
        <row r="557">
          <cell r="C557">
            <v>1.4731000000000001</v>
          </cell>
          <cell r="AT557">
            <v>1999</v>
          </cell>
          <cell r="AU557">
            <v>7</v>
          </cell>
        </row>
        <row r="558">
          <cell r="C558">
            <v>1.4731000000000001</v>
          </cell>
          <cell r="AT558">
            <v>1999</v>
          </cell>
          <cell r="AU558">
            <v>7</v>
          </cell>
        </row>
        <row r="559">
          <cell r="C559">
            <v>1.4813000000000001</v>
          </cell>
          <cell r="AT559">
            <v>1999</v>
          </cell>
          <cell r="AU559">
            <v>7</v>
          </cell>
        </row>
        <row r="560">
          <cell r="C560">
            <v>1.4824999999999999</v>
          </cell>
          <cell r="AT560">
            <v>1999</v>
          </cell>
          <cell r="AU560">
            <v>7</v>
          </cell>
        </row>
        <row r="561">
          <cell r="C561">
            <v>1.4806999999999999</v>
          </cell>
          <cell r="AT561">
            <v>1999</v>
          </cell>
          <cell r="AU561">
            <v>7</v>
          </cell>
        </row>
        <row r="562">
          <cell r="C562">
            <v>1.4823999999999999</v>
          </cell>
          <cell r="AT562">
            <v>1999</v>
          </cell>
          <cell r="AU562">
            <v>7</v>
          </cell>
        </row>
        <row r="563">
          <cell r="C563">
            <v>1.4823999999999999</v>
          </cell>
          <cell r="AT563">
            <v>1999</v>
          </cell>
          <cell r="AU563">
            <v>7</v>
          </cell>
        </row>
        <row r="564">
          <cell r="C564">
            <v>1.4823999999999999</v>
          </cell>
          <cell r="AT564">
            <v>1999</v>
          </cell>
          <cell r="AU564">
            <v>7</v>
          </cell>
        </row>
        <row r="565">
          <cell r="C565">
            <v>1.4823999999999999</v>
          </cell>
          <cell r="AT565">
            <v>1999</v>
          </cell>
          <cell r="AU565">
            <v>7</v>
          </cell>
        </row>
        <row r="566">
          <cell r="C566">
            <v>1.4916</v>
          </cell>
          <cell r="AT566">
            <v>1999</v>
          </cell>
          <cell r="AU566">
            <v>7</v>
          </cell>
        </row>
        <row r="567">
          <cell r="C567">
            <v>1.4914000000000001</v>
          </cell>
          <cell r="AT567">
            <v>1999</v>
          </cell>
          <cell r="AU567">
            <v>7</v>
          </cell>
        </row>
        <row r="568">
          <cell r="C568">
            <v>1.5009999999999999</v>
          </cell>
          <cell r="AT568">
            <v>1999</v>
          </cell>
          <cell r="AU568">
            <v>7</v>
          </cell>
        </row>
        <row r="569">
          <cell r="C569">
            <v>1.5024999999999999</v>
          </cell>
          <cell r="AT569">
            <v>1999</v>
          </cell>
          <cell r="AU569">
            <v>7</v>
          </cell>
        </row>
        <row r="570">
          <cell r="C570">
            <v>1.5075000000000001</v>
          </cell>
          <cell r="AT570">
            <v>1999</v>
          </cell>
          <cell r="AU570">
            <v>7</v>
          </cell>
        </row>
        <row r="571">
          <cell r="C571">
            <v>1.5075000000000001</v>
          </cell>
          <cell r="AT571">
            <v>1999</v>
          </cell>
          <cell r="AU571">
            <v>7</v>
          </cell>
        </row>
        <row r="572">
          <cell r="C572">
            <v>1.5075000000000001</v>
          </cell>
          <cell r="AT572">
            <v>1999</v>
          </cell>
          <cell r="AU572">
            <v>7</v>
          </cell>
        </row>
        <row r="573">
          <cell r="C573">
            <v>1.5098</v>
          </cell>
          <cell r="AT573">
            <v>1999</v>
          </cell>
          <cell r="AU573">
            <v>7</v>
          </cell>
        </row>
        <row r="574">
          <cell r="C574">
            <v>1.5132000000000001</v>
          </cell>
          <cell r="AT574">
            <v>1999</v>
          </cell>
          <cell r="AU574">
            <v>7</v>
          </cell>
        </row>
        <row r="575">
          <cell r="C575">
            <v>1.5109999999999999</v>
          </cell>
          <cell r="AT575">
            <v>1999</v>
          </cell>
          <cell r="AU575">
            <v>7</v>
          </cell>
        </row>
        <row r="576">
          <cell r="C576">
            <v>1.508</v>
          </cell>
          <cell r="AT576">
            <v>1999</v>
          </cell>
          <cell r="AU576">
            <v>7</v>
          </cell>
        </row>
        <row r="577">
          <cell r="C577">
            <v>1.5063</v>
          </cell>
          <cell r="AT577">
            <v>1999</v>
          </cell>
          <cell r="AU577">
            <v>7</v>
          </cell>
        </row>
        <row r="578">
          <cell r="C578">
            <v>1.5063</v>
          </cell>
          <cell r="AT578">
            <v>1999</v>
          </cell>
          <cell r="AU578">
            <v>8</v>
          </cell>
        </row>
        <row r="579">
          <cell r="C579">
            <v>1.5063</v>
          </cell>
          <cell r="AT579">
            <v>1999</v>
          </cell>
          <cell r="AU579">
            <v>8</v>
          </cell>
        </row>
        <row r="580">
          <cell r="C580">
            <v>1.5063</v>
          </cell>
          <cell r="AT580">
            <v>1999</v>
          </cell>
          <cell r="AU580">
            <v>8</v>
          </cell>
        </row>
        <row r="581">
          <cell r="C581">
            <v>1.4944999999999999</v>
          </cell>
          <cell r="AT581">
            <v>1999</v>
          </cell>
          <cell r="AU581">
            <v>8</v>
          </cell>
        </row>
        <row r="582">
          <cell r="C582">
            <v>1.4895</v>
          </cell>
          <cell r="AT582">
            <v>1999</v>
          </cell>
          <cell r="AU582">
            <v>8</v>
          </cell>
        </row>
        <row r="583">
          <cell r="C583">
            <v>1.4944999999999999</v>
          </cell>
          <cell r="AT583">
            <v>1999</v>
          </cell>
          <cell r="AU583">
            <v>8</v>
          </cell>
        </row>
        <row r="584">
          <cell r="C584">
            <v>1.5038</v>
          </cell>
          <cell r="AT584">
            <v>1999</v>
          </cell>
          <cell r="AU584">
            <v>8</v>
          </cell>
        </row>
        <row r="585">
          <cell r="C585">
            <v>1.5038</v>
          </cell>
          <cell r="AT585">
            <v>1999</v>
          </cell>
          <cell r="AU585">
            <v>8</v>
          </cell>
        </row>
        <row r="586">
          <cell r="C586">
            <v>1.5038</v>
          </cell>
          <cell r="AT586">
            <v>1999</v>
          </cell>
          <cell r="AU586">
            <v>8</v>
          </cell>
        </row>
        <row r="587">
          <cell r="C587">
            <v>1.5031000000000001</v>
          </cell>
          <cell r="AT587">
            <v>1999</v>
          </cell>
          <cell r="AU587">
            <v>8</v>
          </cell>
        </row>
        <row r="588">
          <cell r="C588">
            <v>1.5</v>
          </cell>
          <cell r="AT588">
            <v>1999</v>
          </cell>
          <cell r="AU588">
            <v>8</v>
          </cell>
        </row>
        <row r="589">
          <cell r="C589">
            <v>1.4906999999999999</v>
          </cell>
          <cell r="AT589">
            <v>1999</v>
          </cell>
          <cell r="AU589">
            <v>8</v>
          </cell>
        </row>
        <row r="590">
          <cell r="C590">
            <v>1.4846999999999999</v>
          </cell>
          <cell r="AT590">
            <v>1999</v>
          </cell>
          <cell r="AU590">
            <v>8</v>
          </cell>
        </row>
        <row r="591">
          <cell r="C591">
            <v>1.4777</v>
          </cell>
          <cell r="AT591">
            <v>1999</v>
          </cell>
          <cell r="AU591">
            <v>8</v>
          </cell>
        </row>
        <row r="592">
          <cell r="C592">
            <v>1.4777</v>
          </cell>
          <cell r="AT592">
            <v>1999</v>
          </cell>
          <cell r="AU592">
            <v>8</v>
          </cell>
        </row>
        <row r="593">
          <cell r="C593">
            <v>1.4777</v>
          </cell>
          <cell r="AT593">
            <v>1999</v>
          </cell>
          <cell r="AU593">
            <v>8</v>
          </cell>
        </row>
        <row r="594">
          <cell r="C594">
            <v>1.4813000000000001</v>
          </cell>
          <cell r="AT594">
            <v>1999</v>
          </cell>
          <cell r="AU594">
            <v>8</v>
          </cell>
        </row>
        <row r="595">
          <cell r="C595">
            <v>1.4786999999999999</v>
          </cell>
          <cell r="AT595">
            <v>1999</v>
          </cell>
          <cell r="AU595">
            <v>8</v>
          </cell>
        </row>
        <row r="596">
          <cell r="C596">
            <v>1.4830000000000001</v>
          </cell>
          <cell r="AT596">
            <v>1999</v>
          </cell>
          <cell r="AU596">
            <v>8</v>
          </cell>
        </row>
        <row r="597">
          <cell r="C597">
            <v>1.4935</v>
          </cell>
          <cell r="AT597">
            <v>1999</v>
          </cell>
          <cell r="AU597">
            <v>8</v>
          </cell>
        </row>
        <row r="598">
          <cell r="C598">
            <v>1.4941</v>
          </cell>
          <cell r="AT598">
            <v>1999</v>
          </cell>
          <cell r="AU598">
            <v>8</v>
          </cell>
        </row>
        <row r="599">
          <cell r="C599">
            <v>1.4941</v>
          </cell>
          <cell r="AT599">
            <v>1999</v>
          </cell>
          <cell r="AU599">
            <v>8</v>
          </cell>
        </row>
        <row r="600">
          <cell r="C600">
            <v>1.4941</v>
          </cell>
          <cell r="AT600">
            <v>1999</v>
          </cell>
          <cell r="AU600">
            <v>8</v>
          </cell>
        </row>
        <row r="601">
          <cell r="C601">
            <v>1.4955000000000001</v>
          </cell>
          <cell r="AT601">
            <v>1999</v>
          </cell>
          <cell r="AU601">
            <v>8</v>
          </cell>
        </row>
        <row r="602">
          <cell r="C602">
            <v>1.4957</v>
          </cell>
          <cell r="AT602">
            <v>1999</v>
          </cell>
          <cell r="AU602">
            <v>8</v>
          </cell>
        </row>
        <row r="603">
          <cell r="C603">
            <v>1.4959</v>
          </cell>
          <cell r="AT603">
            <v>1999</v>
          </cell>
          <cell r="AU603">
            <v>8</v>
          </cell>
        </row>
        <row r="604">
          <cell r="C604">
            <v>1.5025999999999999</v>
          </cell>
          <cell r="AT604">
            <v>1999</v>
          </cell>
          <cell r="AU604">
            <v>8</v>
          </cell>
        </row>
        <row r="605">
          <cell r="C605">
            <v>1.492</v>
          </cell>
          <cell r="AT605">
            <v>1999</v>
          </cell>
          <cell r="AU605">
            <v>8</v>
          </cell>
        </row>
        <row r="606">
          <cell r="C606">
            <v>1.492</v>
          </cell>
          <cell r="AT606">
            <v>1999</v>
          </cell>
          <cell r="AU606">
            <v>8</v>
          </cell>
        </row>
        <row r="607">
          <cell r="C607">
            <v>1.492</v>
          </cell>
          <cell r="AT607">
            <v>1999</v>
          </cell>
          <cell r="AU607">
            <v>8</v>
          </cell>
        </row>
        <row r="608">
          <cell r="C608">
            <v>1.4926999999999999</v>
          </cell>
          <cell r="AT608">
            <v>1999</v>
          </cell>
          <cell r="AU608">
            <v>8</v>
          </cell>
        </row>
        <row r="609">
          <cell r="C609">
            <v>1.4958</v>
          </cell>
          <cell r="AT609">
            <v>1999</v>
          </cell>
          <cell r="AU609">
            <v>9</v>
          </cell>
        </row>
        <row r="610">
          <cell r="C610">
            <v>1.4857</v>
          </cell>
          <cell r="AT610">
            <v>1999</v>
          </cell>
          <cell r="AU610">
            <v>9</v>
          </cell>
        </row>
        <row r="611">
          <cell r="C611">
            <v>1.4942</v>
          </cell>
          <cell r="AT611">
            <v>1999</v>
          </cell>
          <cell r="AU611">
            <v>9</v>
          </cell>
        </row>
        <row r="612">
          <cell r="C612">
            <v>1.4907999999999999</v>
          </cell>
          <cell r="AT612">
            <v>1999</v>
          </cell>
          <cell r="AU612">
            <v>9</v>
          </cell>
        </row>
        <row r="613">
          <cell r="C613">
            <v>1.4907999999999999</v>
          </cell>
          <cell r="AT613">
            <v>1999</v>
          </cell>
          <cell r="AU613">
            <v>9</v>
          </cell>
        </row>
        <row r="614">
          <cell r="C614">
            <v>1.4907999999999999</v>
          </cell>
          <cell r="AT614">
            <v>1999</v>
          </cell>
          <cell r="AU614">
            <v>9</v>
          </cell>
        </row>
        <row r="615">
          <cell r="C615">
            <v>1.4907999999999999</v>
          </cell>
          <cell r="AT615">
            <v>1999</v>
          </cell>
          <cell r="AU615">
            <v>9</v>
          </cell>
        </row>
        <row r="616">
          <cell r="C616">
            <v>1.4934000000000001</v>
          </cell>
          <cell r="AT616">
            <v>1999</v>
          </cell>
          <cell r="AU616">
            <v>9</v>
          </cell>
        </row>
        <row r="617">
          <cell r="C617">
            <v>1.4874000000000001</v>
          </cell>
          <cell r="AT617">
            <v>1999</v>
          </cell>
          <cell r="AU617">
            <v>9</v>
          </cell>
        </row>
        <row r="618">
          <cell r="C618">
            <v>1.4802999999999999</v>
          </cell>
          <cell r="AT618">
            <v>1999</v>
          </cell>
          <cell r="AU618">
            <v>9</v>
          </cell>
        </row>
        <row r="619">
          <cell r="C619">
            <v>1.4748000000000001</v>
          </cell>
          <cell r="AT619">
            <v>1999</v>
          </cell>
          <cell r="AU619">
            <v>9</v>
          </cell>
        </row>
        <row r="620">
          <cell r="C620">
            <v>1.4748000000000001</v>
          </cell>
          <cell r="AT620">
            <v>1999</v>
          </cell>
          <cell r="AU620">
            <v>9</v>
          </cell>
        </row>
        <row r="621">
          <cell r="C621">
            <v>1.4748000000000001</v>
          </cell>
          <cell r="AT621">
            <v>1999</v>
          </cell>
          <cell r="AU621">
            <v>9</v>
          </cell>
        </row>
        <row r="622">
          <cell r="C622">
            <v>1.47</v>
          </cell>
          <cell r="AT622">
            <v>1999</v>
          </cell>
          <cell r="AU622">
            <v>9</v>
          </cell>
        </row>
        <row r="623">
          <cell r="C623">
            <v>1.4737</v>
          </cell>
          <cell r="AT623">
            <v>1999</v>
          </cell>
          <cell r="AU623">
            <v>9</v>
          </cell>
        </row>
        <row r="624">
          <cell r="C624">
            <v>1.4754</v>
          </cell>
          <cell r="AT624">
            <v>1999</v>
          </cell>
          <cell r="AU624">
            <v>9</v>
          </cell>
        </row>
        <row r="625">
          <cell r="C625">
            <v>1.476</v>
          </cell>
          <cell r="AT625">
            <v>1999</v>
          </cell>
          <cell r="AU625">
            <v>9</v>
          </cell>
        </row>
        <row r="626">
          <cell r="C626">
            <v>1.474</v>
          </cell>
          <cell r="AT626">
            <v>1999</v>
          </cell>
          <cell r="AU626">
            <v>9</v>
          </cell>
        </row>
        <row r="627">
          <cell r="C627">
            <v>1.474</v>
          </cell>
          <cell r="AT627">
            <v>1999</v>
          </cell>
          <cell r="AU627">
            <v>9</v>
          </cell>
        </row>
        <row r="628">
          <cell r="C628">
            <v>1.474</v>
          </cell>
          <cell r="AT628">
            <v>1999</v>
          </cell>
          <cell r="AU628">
            <v>9</v>
          </cell>
        </row>
        <row r="629">
          <cell r="C629">
            <v>1.4790000000000001</v>
          </cell>
          <cell r="AT629">
            <v>1999</v>
          </cell>
          <cell r="AU629">
            <v>9</v>
          </cell>
        </row>
        <row r="630">
          <cell r="C630">
            <v>1.4722</v>
          </cell>
          <cell r="AT630">
            <v>1999</v>
          </cell>
          <cell r="AU630">
            <v>9</v>
          </cell>
        </row>
        <row r="631">
          <cell r="C631">
            <v>1.4681999999999999</v>
          </cell>
          <cell r="AT631">
            <v>1999</v>
          </cell>
          <cell r="AU631">
            <v>9</v>
          </cell>
        </row>
        <row r="632">
          <cell r="C632">
            <v>1.4753000000000001</v>
          </cell>
          <cell r="AT632">
            <v>1999</v>
          </cell>
          <cell r="AU632">
            <v>9</v>
          </cell>
        </row>
        <row r="633">
          <cell r="C633">
            <v>1.4736</v>
          </cell>
          <cell r="AT633">
            <v>1999</v>
          </cell>
          <cell r="AU633">
            <v>9</v>
          </cell>
        </row>
        <row r="634">
          <cell r="C634">
            <v>1.4736</v>
          </cell>
          <cell r="AT634">
            <v>1999</v>
          </cell>
          <cell r="AU634">
            <v>9</v>
          </cell>
        </row>
        <row r="635">
          <cell r="C635">
            <v>1.4736</v>
          </cell>
          <cell r="AT635">
            <v>1999</v>
          </cell>
          <cell r="AU635">
            <v>9</v>
          </cell>
        </row>
        <row r="636">
          <cell r="C636">
            <v>1.4713000000000001</v>
          </cell>
          <cell r="AT636">
            <v>1999</v>
          </cell>
          <cell r="AU636">
            <v>9</v>
          </cell>
        </row>
        <row r="637">
          <cell r="C637">
            <v>1.4642999999999999</v>
          </cell>
          <cell r="AT637">
            <v>1999</v>
          </cell>
          <cell r="AU637">
            <v>9</v>
          </cell>
        </row>
        <row r="638">
          <cell r="C638">
            <v>1.4637</v>
          </cell>
          <cell r="AT638">
            <v>1999</v>
          </cell>
          <cell r="AU638">
            <v>9</v>
          </cell>
        </row>
        <row r="639">
          <cell r="C639">
            <v>1.47</v>
          </cell>
          <cell r="AT639">
            <v>1999</v>
          </cell>
          <cell r="AU639">
            <v>10</v>
          </cell>
        </row>
        <row r="640">
          <cell r="C640">
            <v>1.4722999999999999</v>
          </cell>
          <cell r="AT640">
            <v>1999</v>
          </cell>
          <cell r="AU640">
            <v>10</v>
          </cell>
        </row>
        <row r="641">
          <cell r="C641">
            <v>1.4722999999999999</v>
          </cell>
          <cell r="AT641">
            <v>1999</v>
          </cell>
          <cell r="AU641">
            <v>10</v>
          </cell>
        </row>
        <row r="642">
          <cell r="C642">
            <v>1.4722999999999999</v>
          </cell>
          <cell r="AT642">
            <v>1999</v>
          </cell>
          <cell r="AU642">
            <v>10</v>
          </cell>
        </row>
        <row r="643">
          <cell r="C643">
            <v>1.4698</v>
          </cell>
          <cell r="AT643">
            <v>1999</v>
          </cell>
          <cell r="AU643">
            <v>10</v>
          </cell>
        </row>
        <row r="644">
          <cell r="C644">
            <v>1.4685999999999999</v>
          </cell>
          <cell r="AT644">
            <v>1999</v>
          </cell>
          <cell r="AU644">
            <v>10</v>
          </cell>
        </row>
        <row r="645">
          <cell r="C645">
            <v>1.4695</v>
          </cell>
          <cell r="AT645">
            <v>1999</v>
          </cell>
          <cell r="AU645">
            <v>10</v>
          </cell>
        </row>
        <row r="646">
          <cell r="C646">
            <v>1.4713000000000001</v>
          </cell>
          <cell r="AT646">
            <v>1999</v>
          </cell>
          <cell r="AU646">
            <v>10</v>
          </cell>
        </row>
        <row r="647">
          <cell r="C647">
            <v>1.4737</v>
          </cell>
          <cell r="AT647">
            <v>1999</v>
          </cell>
          <cell r="AU647">
            <v>10</v>
          </cell>
        </row>
        <row r="648">
          <cell r="C648">
            <v>1.4737</v>
          </cell>
          <cell r="AT648">
            <v>1999</v>
          </cell>
          <cell r="AU648">
            <v>10</v>
          </cell>
        </row>
        <row r="649">
          <cell r="C649">
            <v>1.4737</v>
          </cell>
          <cell r="AT649">
            <v>1999</v>
          </cell>
          <cell r="AU649">
            <v>10</v>
          </cell>
        </row>
        <row r="650">
          <cell r="C650">
            <v>1.4737</v>
          </cell>
          <cell r="AT650">
            <v>1999</v>
          </cell>
          <cell r="AU650">
            <v>10</v>
          </cell>
        </row>
        <row r="651">
          <cell r="C651">
            <v>1.4750000000000001</v>
          </cell>
          <cell r="AT651">
            <v>1999</v>
          </cell>
          <cell r="AU651">
            <v>10</v>
          </cell>
        </row>
        <row r="652">
          <cell r="C652">
            <v>1.4812000000000001</v>
          </cell>
          <cell r="AT652">
            <v>1999</v>
          </cell>
          <cell r="AU652">
            <v>10</v>
          </cell>
        </row>
        <row r="653">
          <cell r="C653">
            <v>1.4819</v>
          </cell>
          <cell r="AT653">
            <v>1999</v>
          </cell>
          <cell r="AU653">
            <v>10</v>
          </cell>
        </row>
        <row r="654">
          <cell r="C654">
            <v>1.4852000000000001</v>
          </cell>
          <cell r="AT654">
            <v>1999</v>
          </cell>
          <cell r="AU654">
            <v>10</v>
          </cell>
        </row>
        <row r="655">
          <cell r="C655">
            <v>1.4852000000000001</v>
          </cell>
          <cell r="AT655">
            <v>1999</v>
          </cell>
          <cell r="AU655">
            <v>10</v>
          </cell>
        </row>
        <row r="656">
          <cell r="C656">
            <v>1.4852000000000001</v>
          </cell>
          <cell r="AT656">
            <v>1999</v>
          </cell>
          <cell r="AU656">
            <v>10</v>
          </cell>
        </row>
        <row r="657">
          <cell r="C657">
            <v>1.4948999999999999</v>
          </cell>
          <cell r="AT657">
            <v>1999</v>
          </cell>
          <cell r="AU657">
            <v>10</v>
          </cell>
        </row>
        <row r="658">
          <cell r="C658">
            <v>1.4907999999999999</v>
          </cell>
          <cell r="AT658">
            <v>1999</v>
          </cell>
          <cell r="AU658">
            <v>10</v>
          </cell>
        </row>
        <row r="659">
          <cell r="C659">
            <v>1.4902</v>
          </cell>
          <cell r="AT659">
            <v>1999</v>
          </cell>
          <cell r="AU659">
            <v>10</v>
          </cell>
        </row>
        <row r="660">
          <cell r="C660">
            <v>1.4849000000000001</v>
          </cell>
          <cell r="AT660">
            <v>1999</v>
          </cell>
          <cell r="AU660">
            <v>10</v>
          </cell>
        </row>
        <row r="661">
          <cell r="C661">
            <v>1.4763999999999999</v>
          </cell>
          <cell r="AT661">
            <v>1999</v>
          </cell>
          <cell r="AU661">
            <v>10</v>
          </cell>
        </row>
        <row r="662">
          <cell r="C662">
            <v>1.4763999999999999</v>
          </cell>
          <cell r="AT662">
            <v>1999</v>
          </cell>
          <cell r="AU662">
            <v>10</v>
          </cell>
        </row>
        <row r="663">
          <cell r="C663">
            <v>1.4763999999999999</v>
          </cell>
          <cell r="AT663">
            <v>1999</v>
          </cell>
          <cell r="AU663">
            <v>10</v>
          </cell>
        </row>
        <row r="664">
          <cell r="C664">
            <v>1.4742</v>
          </cell>
          <cell r="AT664">
            <v>1999</v>
          </cell>
          <cell r="AU664">
            <v>10</v>
          </cell>
        </row>
        <row r="665">
          <cell r="C665">
            <v>1.4713000000000001</v>
          </cell>
          <cell r="AT665">
            <v>1999</v>
          </cell>
          <cell r="AU665">
            <v>10</v>
          </cell>
        </row>
        <row r="666">
          <cell r="C666">
            <v>1.4709000000000001</v>
          </cell>
          <cell r="AT666">
            <v>1999</v>
          </cell>
          <cell r="AU666">
            <v>10</v>
          </cell>
        </row>
        <row r="667">
          <cell r="C667">
            <v>1.4722</v>
          </cell>
          <cell r="AT667">
            <v>1999</v>
          </cell>
          <cell r="AU667">
            <v>10</v>
          </cell>
        </row>
        <row r="668">
          <cell r="C668">
            <v>1.4718</v>
          </cell>
          <cell r="AT668">
            <v>1999</v>
          </cell>
          <cell r="AU668">
            <v>10</v>
          </cell>
        </row>
        <row r="669">
          <cell r="C669">
            <v>1.4718</v>
          </cell>
          <cell r="AT669">
            <v>1999</v>
          </cell>
          <cell r="AU669">
            <v>10</v>
          </cell>
        </row>
        <row r="670">
          <cell r="C670">
            <v>1.4718</v>
          </cell>
          <cell r="AT670">
            <v>1999</v>
          </cell>
          <cell r="AU670">
            <v>11</v>
          </cell>
        </row>
        <row r="671">
          <cell r="C671">
            <v>1.4682999999999999</v>
          </cell>
          <cell r="AT671">
            <v>1999</v>
          </cell>
          <cell r="AU671">
            <v>11</v>
          </cell>
        </row>
        <row r="672">
          <cell r="C672">
            <v>1.4686999999999999</v>
          </cell>
          <cell r="AT672">
            <v>1999</v>
          </cell>
          <cell r="AU672">
            <v>11</v>
          </cell>
        </row>
        <row r="673">
          <cell r="C673">
            <v>1.4686999999999999</v>
          </cell>
          <cell r="AT673">
            <v>1999</v>
          </cell>
          <cell r="AU673">
            <v>11</v>
          </cell>
        </row>
        <row r="674">
          <cell r="C674">
            <v>1.4649000000000001</v>
          </cell>
          <cell r="AT674">
            <v>1999</v>
          </cell>
          <cell r="AU674">
            <v>11</v>
          </cell>
        </row>
        <row r="675">
          <cell r="C675">
            <v>1.4629000000000001</v>
          </cell>
          <cell r="AT675">
            <v>1999</v>
          </cell>
          <cell r="AU675">
            <v>11</v>
          </cell>
        </row>
        <row r="676">
          <cell r="C676">
            <v>1.4629000000000001</v>
          </cell>
          <cell r="AT676">
            <v>1999</v>
          </cell>
          <cell r="AU676">
            <v>11</v>
          </cell>
        </row>
        <row r="677">
          <cell r="C677">
            <v>1.4629000000000001</v>
          </cell>
          <cell r="AT677">
            <v>1999</v>
          </cell>
          <cell r="AU677">
            <v>11</v>
          </cell>
        </row>
        <row r="678">
          <cell r="C678">
            <v>1.4684999999999999</v>
          </cell>
          <cell r="AT678">
            <v>1999</v>
          </cell>
          <cell r="AU678">
            <v>11</v>
          </cell>
        </row>
        <row r="679">
          <cell r="C679">
            <v>1.4738</v>
          </cell>
          <cell r="AT679">
            <v>1999</v>
          </cell>
          <cell r="AU679">
            <v>11</v>
          </cell>
        </row>
        <row r="680">
          <cell r="C680">
            <v>1.4714</v>
          </cell>
          <cell r="AT680">
            <v>1999</v>
          </cell>
          <cell r="AU680">
            <v>11</v>
          </cell>
        </row>
        <row r="681">
          <cell r="C681">
            <v>1.4714</v>
          </cell>
          <cell r="AT681">
            <v>1999</v>
          </cell>
          <cell r="AU681">
            <v>11</v>
          </cell>
        </row>
        <row r="682">
          <cell r="C682">
            <v>1.4617</v>
          </cell>
          <cell r="AT682">
            <v>1999</v>
          </cell>
          <cell r="AU682">
            <v>11</v>
          </cell>
        </row>
        <row r="683">
          <cell r="C683">
            <v>1.4617</v>
          </cell>
          <cell r="AT683">
            <v>1999</v>
          </cell>
          <cell r="AU683">
            <v>11</v>
          </cell>
        </row>
        <row r="684">
          <cell r="C684">
            <v>1.4617</v>
          </cell>
          <cell r="AT684">
            <v>1999</v>
          </cell>
          <cell r="AU684">
            <v>11</v>
          </cell>
        </row>
        <row r="685">
          <cell r="C685">
            <v>1.4650000000000001</v>
          </cell>
          <cell r="AT685">
            <v>1999</v>
          </cell>
          <cell r="AU685">
            <v>11</v>
          </cell>
        </row>
        <row r="686">
          <cell r="C686">
            <v>1.4694</v>
          </cell>
          <cell r="AT686">
            <v>1999</v>
          </cell>
          <cell r="AU686">
            <v>11</v>
          </cell>
        </row>
        <row r="687">
          <cell r="C687">
            <v>1.4674</v>
          </cell>
          <cell r="AT687">
            <v>1999</v>
          </cell>
          <cell r="AU687">
            <v>11</v>
          </cell>
        </row>
        <row r="688">
          <cell r="C688">
            <v>1.464</v>
          </cell>
          <cell r="AT688">
            <v>1999</v>
          </cell>
          <cell r="AU688">
            <v>11</v>
          </cell>
        </row>
        <row r="689">
          <cell r="C689">
            <v>1.4622999999999999</v>
          </cell>
          <cell r="AT689">
            <v>1999</v>
          </cell>
          <cell r="AU689">
            <v>11</v>
          </cell>
        </row>
        <row r="690">
          <cell r="C690">
            <v>1.4622999999999999</v>
          </cell>
          <cell r="AT690">
            <v>1999</v>
          </cell>
          <cell r="AU690">
            <v>11</v>
          </cell>
        </row>
        <row r="691">
          <cell r="C691">
            <v>1.4622999999999999</v>
          </cell>
          <cell r="AT691">
            <v>1999</v>
          </cell>
          <cell r="AU691">
            <v>11</v>
          </cell>
        </row>
        <row r="692">
          <cell r="C692">
            <v>1.4618</v>
          </cell>
          <cell r="AT692">
            <v>1999</v>
          </cell>
          <cell r="AU692">
            <v>11</v>
          </cell>
        </row>
        <row r="693">
          <cell r="C693">
            <v>1.4646999999999999</v>
          </cell>
          <cell r="AT693">
            <v>1999</v>
          </cell>
          <cell r="AU693">
            <v>11</v>
          </cell>
        </row>
        <row r="694">
          <cell r="C694">
            <v>1.4686999999999999</v>
          </cell>
          <cell r="AT694">
            <v>1999</v>
          </cell>
          <cell r="AU694">
            <v>11</v>
          </cell>
        </row>
        <row r="695">
          <cell r="C695">
            <v>1.4684999999999999</v>
          </cell>
          <cell r="AT695">
            <v>1999</v>
          </cell>
          <cell r="AU695">
            <v>11</v>
          </cell>
        </row>
        <row r="696">
          <cell r="C696">
            <v>1.4681999999999999</v>
          </cell>
          <cell r="AT696">
            <v>1999</v>
          </cell>
          <cell r="AU696">
            <v>11</v>
          </cell>
        </row>
        <row r="697">
          <cell r="C697">
            <v>1.4681999999999999</v>
          </cell>
          <cell r="AT697">
            <v>1999</v>
          </cell>
          <cell r="AU697">
            <v>11</v>
          </cell>
        </row>
        <row r="698">
          <cell r="C698">
            <v>1.4681999999999999</v>
          </cell>
          <cell r="AT698">
            <v>1999</v>
          </cell>
          <cell r="AU698">
            <v>11</v>
          </cell>
        </row>
        <row r="699">
          <cell r="C699">
            <v>1.4748000000000001</v>
          </cell>
          <cell r="AT699">
            <v>1999</v>
          </cell>
          <cell r="AU699">
            <v>11</v>
          </cell>
        </row>
        <row r="700">
          <cell r="C700">
            <v>1.4728000000000001</v>
          </cell>
          <cell r="AT700">
            <v>1999</v>
          </cell>
          <cell r="AU700">
            <v>12</v>
          </cell>
        </row>
        <row r="701">
          <cell r="C701">
            <v>1.4742</v>
          </cell>
          <cell r="AT701">
            <v>1999</v>
          </cell>
          <cell r="AU701">
            <v>12</v>
          </cell>
        </row>
        <row r="702">
          <cell r="C702">
            <v>1.4799</v>
          </cell>
          <cell r="AT702">
            <v>1999</v>
          </cell>
          <cell r="AU702">
            <v>12</v>
          </cell>
        </row>
        <row r="703">
          <cell r="C703">
            <v>1.4791000000000001</v>
          </cell>
          <cell r="AT703">
            <v>1999</v>
          </cell>
          <cell r="AU703">
            <v>12</v>
          </cell>
        </row>
        <row r="704">
          <cell r="C704">
            <v>1.4791000000000001</v>
          </cell>
          <cell r="AT704">
            <v>1999</v>
          </cell>
          <cell r="AU704">
            <v>12</v>
          </cell>
        </row>
        <row r="705">
          <cell r="C705">
            <v>1.4791000000000001</v>
          </cell>
          <cell r="AT705">
            <v>1999</v>
          </cell>
          <cell r="AU705">
            <v>12</v>
          </cell>
        </row>
        <row r="706">
          <cell r="C706">
            <v>1.4742</v>
          </cell>
          <cell r="AT706">
            <v>1999</v>
          </cell>
          <cell r="AU706">
            <v>12</v>
          </cell>
        </row>
        <row r="707">
          <cell r="C707">
            <v>1.4749000000000001</v>
          </cell>
          <cell r="AT707">
            <v>1999</v>
          </cell>
          <cell r="AU707">
            <v>12</v>
          </cell>
        </row>
        <row r="708">
          <cell r="C708">
            <v>1.4793000000000001</v>
          </cell>
          <cell r="AT708">
            <v>1999</v>
          </cell>
          <cell r="AU708">
            <v>12</v>
          </cell>
        </row>
        <row r="709">
          <cell r="C709">
            <v>1.474</v>
          </cell>
          <cell r="AT709">
            <v>1999</v>
          </cell>
          <cell r="AU709">
            <v>12</v>
          </cell>
        </row>
        <row r="710">
          <cell r="C710">
            <v>1.4782999999999999</v>
          </cell>
          <cell r="AT710">
            <v>1999</v>
          </cell>
          <cell r="AU710">
            <v>12</v>
          </cell>
        </row>
        <row r="711">
          <cell r="C711">
            <v>1.4782999999999999</v>
          </cell>
          <cell r="AT711">
            <v>1999</v>
          </cell>
          <cell r="AU711">
            <v>12</v>
          </cell>
        </row>
        <row r="712">
          <cell r="C712">
            <v>1.4782999999999999</v>
          </cell>
          <cell r="AT712">
            <v>1999</v>
          </cell>
          <cell r="AU712">
            <v>12</v>
          </cell>
        </row>
        <row r="713">
          <cell r="C713">
            <v>1.4796</v>
          </cell>
          <cell r="AT713">
            <v>1999</v>
          </cell>
          <cell r="AU713">
            <v>12</v>
          </cell>
        </row>
        <row r="714">
          <cell r="C714">
            <v>1.482</v>
          </cell>
          <cell r="AT714">
            <v>1999</v>
          </cell>
          <cell r="AU714">
            <v>12</v>
          </cell>
        </row>
        <row r="715">
          <cell r="C715">
            <v>1.4832000000000001</v>
          </cell>
          <cell r="AT715">
            <v>1999</v>
          </cell>
          <cell r="AU715">
            <v>12</v>
          </cell>
        </row>
        <row r="716">
          <cell r="C716">
            <v>1.4784999999999999</v>
          </cell>
          <cell r="AT716">
            <v>1999</v>
          </cell>
          <cell r="AU716">
            <v>12</v>
          </cell>
        </row>
        <row r="717">
          <cell r="C717">
            <v>1.4776</v>
          </cell>
          <cell r="AT717">
            <v>1999</v>
          </cell>
          <cell r="AU717">
            <v>12</v>
          </cell>
        </row>
        <row r="718">
          <cell r="C718">
            <v>1.4776</v>
          </cell>
          <cell r="AT718">
            <v>1999</v>
          </cell>
          <cell r="AU718">
            <v>12</v>
          </cell>
        </row>
        <row r="719">
          <cell r="C719">
            <v>1.4776</v>
          </cell>
          <cell r="AT719">
            <v>1999</v>
          </cell>
          <cell r="AU719">
            <v>12</v>
          </cell>
        </row>
        <row r="720">
          <cell r="C720">
            <v>1.4797</v>
          </cell>
          <cell r="AT720">
            <v>1999</v>
          </cell>
          <cell r="AU720">
            <v>12</v>
          </cell>
        </row>
        <row r="721">
          <cell r="C721">
            <v>1.4785999999999999</v>
          </cell>
          <cell r="AT721">
            <v>1999</v>
          </cell>
          <cell r="AU721">
            <v>12</v>
          </cell>
        </row>
        <row r="722">
          <cell r="C722">
            <v>1.4764999999999999</v>
          </cell>
          <cell r="AT722">
            <v>1999</v>
          </cell>
          <cell r="AU722">
            <v>12</v>
          </cell>
        </row>
        <row r="723">
          <cell r="C723">
            <v>1.4735</v>
          </cell>
          <cell r="AT723">
            <v>1999</v>
          </cell>
          <cell r="AU723">
            <v>12</v>
          </cell>
        </row>
        <row r="724">
          <cell r="C724">
            <v>1.4681999999999999</v>
          </cell>
          <cell r="AT724">
            <v>1999</v>
          </cell>
          <cell r="AU724">
            <v>12</v>
          </cell>
        </row>
        <row r="725">
          <cell r="C725">
            <v>1.4681999999999999</v>
          </cell>
          <cell r="AT725">
            <v>1999</v>
          </cell>
          <cell r="AU725">
            <v>12</v>
          </cell>
        </row>
        <row r="726">
          <cell r="C726">
            <v>1.4681999999999999</v>
          </cell>
          <cell r="AT726">
            <v>1999</v>
          </cell>
          <cell r="AU726">
            <v>12</v>
          </cell>
        </row>
        <row r="727">
          <cell r="C727">
            <v>1.4681999999999999</v>
          </cell>
          <cell r="AT727">
            <v>1999</v>
          </cell>
          <cell r="AU727">
            <v>12</v>
          </cell>
        </row>
        <row r="728">
          <cell r="C728">
            <v>1.4681999999999999</v>
          </cell>
          <cell r="AT728">
            <v>1999</v>
          </cell>
          <cell r="AU728">
            <v>12</v>
          </cell>
        </row>
        <row r="729">
          <cell r="C729">
            <v>1.4507000000000001</v>
          </cell>
          <cell r="AT729">
            <v>1999</v>
          </cell>
          <cell r="AU729">
            <v>12</v>
          </cell>
        </row>
        <row r="730">
          <cell r="C730">
            <v>1.4530000000000001</v>
          </cell>
          <cell r="AT730">
            <v>1999</v>
          </cell>
          <cell r="AU730">
            <v>12</v>
          </cell>
        </row>
        <row r="731">
          <cell r="C731">
            <v>1.4433</v>
          </cell>
          <cell r="AT731">
            <v>2000</v>
          </cell>
          <cell r="AU731">
            <v>1</v>
          </cell>
        </row>
        <row r="732">
          <cell r="C732">
            <v>1.4433</v>
          </cell>
          <cell r="AT732">
            <v>2000</v>
          </cell>
          <cell r="AU732">
            <v>1</v>
          </cell>
        </row>
        <row r="733">
          <cell r="C733">
            <v>1.4433</v>
          </cell>
          <cell r="AT733">
            <v>2000</v>
          </cell>
          <cell r="AU733">
            <v>1</v>
          </cell>
        </row>
        <row r="734">
          <cell r="C734">
            <v>1.4433</v>
          </cell>
          <cell r="AT734">
            <v>2000</v>
          </cell>
          <cell r="AU734">
            <v>1</v>
          </cell>
        </row>
        <row r="735">
          <cell r="C735">
            <v>1.452</v>
          </cell>
          <cell r="AT735">
            <v>2000</v>
          </cell>
          <cell r="AU735">
            <v>1</v>
          </cell>
        </row>
        <row r="736">
          <cell r="C736">
            <v>1.4513</v>
          </cell>
          <cell r="AT736">
            <v>2000</v>
          </cell>
          <cell r="AU736">
            <v>1</v>
          </cell>
        </row>
        <row r="737">
          <cell r="C737">
            <v>1.4571000000000001</v>
          </cell>
          <cell r="AT737">
            <v>2000</v>
          </cell>
          <cell r="AU737">
            <v>1</v>
          </cell>
        </row>
        <row r="738">
          <cell r="C738">
            <v>1.46</v>
          </cell>
          <cell r="AT738">
            <v>2000</v>
          </cell>
          <cell r="AU738">
            <v>1</v>
          </cell>
        </row>
        <row r="739">
          <cell r="C739">
            <v>1.46</v>
          </cell>
          <cell r="AT739">
            <v>2000</v>
          </cell>
          <cell r="AU739">
            <v>1</v>
          </cell>
        </row>
        <row r="740">
          <cell r="C740">
            <v>1.46</v>
          </cell>
          <cell r="AT740">
            <v>2000</v>
          </cell>
          <cell r="AU740">
            <v>1</v>
          </cell>
        </row>
        <row r="741">
          <cell r="C741">
            <v>1.4563999999999999</v>
          </cell>
          <cell r="AT741">
            <v>2000</v>
          </cell>
          <cell r="AU741">
            <v>1</v>
          </cell>
        </row>
        <row r="742">
          <cell r="C742">
            <v>1.4573</v>
          </cell>
          <cell r="AT742">
            <v>2000</v>
          </cell>
          <cell r="AU742">
            <v>1</v>
          </cell>
        </row>
        <row r="743">
          <cell r="C743">
            <v>1.4547000000000001</v>
          </cell>
          <cell r="AT743">
            <v>2000</v>
          </cell>
          <cell r="AU743">
            <v>1</v>
          </cell>
        </row>
        <row r="744">
          <cell r="C744">
            <v>1.4494</v>
          </cell>
          <cell r="AT744">
            <v>2000</v>
          </cell>
          <cell r="AU744">
            <v>1</v>
          </cell>
        </row>
        <row r="745">
          <cell r="C745">
            <v>1.4493</v>
          </cell>
          <cell r="AT745">
            <v>2000</v>
          </cell>
          <cell r="AU745">
            <v>1</v>
          </cell>
        </row>
        <row r="746">
          <cell r="C746">
            <v>1.4493</v>
          </cell>
          <cell r="AT746">
            <v>2000</v>
          </cell>
          <cell r="AU746">
            <v>1</v>
          </cell>
        </row>
        <row r="747">
          <cell r="C747">
            <v>1.4493</v>
          </cell>
          <cell r="AT747">
            <v>2000</v>
          </cell>
          <cell r="AU747">
            <v>1</v>
          </cell>
        </row>
        <row r="748">
          <cell r="C748">
            <v>1.4508000000000001</v>
          </cell>
          <cell r="AT748">
            <v>2000</v>
          </cell>
          <cell r="AU748">
            <v>1</v>
          </cell>
        </row>
        <row r="749">
          <cell r="C749">
            <v>1.4500999999999999</v>
          </cell>
          <cell r="AT749">
            <v>2000</v>
          </cell>
          <cell r="AU749">
            <v>1</v>
          </cell>
        </row>
        <row r="750">
          <cell r="C750">
            <v>1.4522999999999999</v>
          </cell>
          <cell r="AT750">
            <v>2000</v>
          </cell>
          <cell r="AU750">
            <v>1</v>
          </cell>
        </row>
        <row r="751">
          <cell r="C751">
            <v>1.448</v>
          </cell>
          <cell r="AT751">
            <v>2000</v>
          </cell>
          <cell r="AU751">
            <v>1</v>
          </cell>
        </row>
        <row r="752">
          <cell r="C752">
            <v>1.4395</v>
          </cell>
          <cell r="AT752">
            <v>2000</v>
          </cell>
          <cell r="AU752">
            <v>1</v>
          </cell>
        </row>
        <row r="753">
          <cell r="C753">
            <v>1.4395</v>
          </cell>
          <cell r="AT753">
            <v>2000</v>
          </cell>
          <cell r="AU753">
            <v>1</v>
          </cell>
        </row>
        <row r="754">
          <cell r="C754">
            <v>1.4395</v>
          </cell>
          <cell r="AT754">
            <v>2000</v>
          </cell>
          <cell r="AU754">
            <v>1</v>
          </cell>
        </row>
        <row r="755">
          <cell r="C755">
            <v>1.44</v>
          </cell>
          <cell r="AT755">
            <v>2000</v>
          </cell>
          <cell r="AU755">
            <v>1</v>
          </cell>
        </row>
        <row r="756">
          <cell r="C756">
            <v>1.4390000000000001</v>
          </cell>
          <cell r="AT756">
            <v>2000</v>
          </cell>
          <cell r="AU756">
            <v>1</v>
          </cell>
        </row>
        <row r="757">
          <cell r="C757">
            <v>1.4378</v>
          </cell>
          <cell r="AT757">
            <v>2000</v>
          </cell>
          <cell r="AU757">
            <v>1</v>
          </cell>
        </row>
        <row r="758">
          <cell r="C758">
            <v>1.4340999999999999</v>
          </cell>
          <cell r="AT758">
            <v>2000</v>
          </cell>
          <cell r="AU758">
            <v>1</v>
          </cell>
        </row>
        <row r="759">
          <cell r="C759">
            <v>1.4482999999999999</v>
          </cell>
          <cell r="AT759">
            <v>2000</v>
          </cell>
          <cell r="AU759">
            <v>1</v>
          </cell>
        </row>
        <row r="760">
          <cell r="C760">
            <v>1.4482999999999999</v>
          </cell>
          <cell r="AT760">
            <v>2000</v>
          </cell>
          <cell r="AU760">
            <v>1</v>
          </cell>
        </row>
        <row r="761">
          <cell r="C761">
            <v>1.4482999999999999</v>
          </cell>
          <cell r="AT761">
            <v>2000</v>
          </cell>
          <cell r="AU761">
            <v>1</v>
          </cell>
        </row>
        <row r="762">
          <cell r="C762">
            <v>1.4512</v>
          </cell>
          <cell r="AT762">
            <v>2000</v>
          </cell>
          <cell r="AU762">
            <v>2</v>
          </cell>
        </row>
        <row r="763">
          <cell r="C763">
            <v>1.4479</v>
          </cell>
          <cell r="AT763">
            <v>2000</v>
          </cell>
          <cell r="AU763">
            <v>2</v>
          </cell>
        </row>
        <row r="764">
          <cell r="C764">
            <v>1.4430000000000001</v>
          </cell>
          <cell r="AT764">
            <v>2000</v>
          </cell>
          <cell r="AU764">
            <v>2</v>
          </cell>
        </row>
        <row r="765">
          <cell r="C765">
            <v>1.4413</v>
          </cell>
          <cell r="AT765">
            <v>2000</v>
          </cell>
          <cell r="AU765">
            <v>2</v>
          </cell>
        </row>
        <row r="766">
          <cell r="C766">
            <v>1.4464999999999999</v>
          </cell>
          <cell r="AT766">
            <v>2000</v>
          </cell>
          <cell r="AU766">
            <v>2</v>
          </cell>
        </row>
        <row r="767">
          <cell r="C767">
            <v>1.4464999999999999</v>
          </cell>
          <cell r="AT767">
            <v>2000</v>
          </cell>
          <cell r="AU767">
            <v>2</v>
          </cell>
        </row>
        <row r="768">
          <cell r="C768">
            <v>1.4464999999999999</v>
          </cell>
          <cell r="AT768">
            <v>2000</v>
          </cell>
          <cell r="AU768">
            <v>2</v>
          </cell>
        </row>
        <row r="769">
          <cell r="C769">
            <v>1.4455</v>
          </cell>
          <cell r="AT769">
            <v>2000</v>
          </cell>
          <cell r="AU769">
            <v>2</v>
          </cell>
        </row>
        <row r="770">
          <cell r="C770">
            <v>1.4475</v>
          </cell>
          <cell r="AT770">
            <v>2000</v>
          </cell>
          <cell r="AU770">
            <v>2</v>
          </cell>
        </row>
        <row r="771">
          <cell r="C771">
            <v>1.4443999999999999</v>
          </cell>
          <cell r="AT771">
            <v>2000</v>
          </cell>
          <cell r="AU771">
            <v>2</v>
          </cell>
        </row>
        <row r="772">
          <cell r="C772">
            <v>1.45</v>
          </cell>
          <cell r="AT772">
            <v>2000</v>
          </cell>
          <cell r="AU772">
            <v>2</v>
          </cell>
        </row>
        <row r="773">
          <cell r="C773">
            <v>1.4512</v>
          </cell>
          <cell r="AT773">
            <v>2000</v>
          </cell>
          <cell r="AU773">
            <v>2</v>
          </cell>
        </row>
        <row r="774">
          <cell r="C774">
            <v>1.4512</v>
          </cell>
          <cell r="AT774">
            <v>2000</v>
          </cell>
          <cell r="AU774">
            <v>2</v>
          </cell>
        </row>
        <row r="775">
          <cell r="C775">
            <v>1.4512</v>
          </cell>
          <cell r="AT775">
            <v>2000</v>
          </cell>
          <cell r="AU775">
            <v>2</v>
          </cell>
        </row>
        <row r="776">
          <cell r="C776">
            <v>1.4545999999999999</v>
          </cell>
          <cell r="AT776">
            <v>2000</v>
          </cell>
          <cell r="AU776">
            <v>2</v>
          </cell>
        </row>
        <row r="777">
          <cell r="C777">
            <v>1.4581999999999999</v>
          </cell>
          <cell r="AT777">
            <v>2000</v>
          </cell>
          <cell r="AU777">
            <v>2</v>
          </cell>
        </row>
        <row r="778">
          <cell r="C778">
            <v>1.4516</v>
          </cell>
          <cell r="AT778">
            <v>2000</v>
          </cell>
          <cell r="AU778">
            <v>2</v>
          </cell>
        </row>
        <row r="779">
          <cell r="C779">
            <v>1.4521999999999999</v>
          </cell>
          <cell r="AT779">
            <v>2000</v>
          </cell>
          <cell r="AU779">
            <v>2</v>
          </cell>
        </row>
        <row r="780">
          <cell r="C780">
            <v>1.4508000000000001</v>
          </cell>
          <cell r="AT780">
            <v>2000</v>
          </cell>
          <cell r="AU780">
            <v>2</v>
          </cell>
        </row>
        <row r="781">
          <cell r="C781">
            <v>1.4508000000000001</v>
          </cell>
          <cell r="AT781">
            <v>2000</v>
          </cell>
          <cell r="AU781">
            <v>2</v>
          </cell>
        </row>
        <row r="782">
          <cell r="C782">
            <v>1.4508000000000001</v>
          </cell>
          <cell r="AT782">
            <v>2000</v>
          </cell>
          <cell r="AU782">
            <v>2</v>
          </cell>
        </row>
        <row r="783">
          <cell r="C783">
            <v>1.4533</v>
          </cell>
          <cell r="AT783">
            <v>2000</v>
          </cell>
          <cell r="AU783">
            <v>2</v>
          </cell>
        </row>
        <row r="784">
          <cell r="C784">
            <v>1.4587000000000001</v>
          </cell>
          <cell r="AT784">
            <v>2000</v>
          </cell>
          <cell r="AU784">
            <v>2</v>
          </cell>
        </row>
        <row r="785">
          <cell r="C785">
            <v>1.4643999999999999</v>
          </cell>
          <cell r="AT785">
            <v>2000</v>
          </cell>
          <cell r="AU785">
            <v>2</v>
          </cell>
        </row>
        <row r="786">
          <cell r="C786">
            <v>1.4579</v>
          </cell>
          <cell r="AT786">
            <v>2000</v>
          </cell>
          <cell r="AU786">
            <v>2</v>
          </cell>
        </row>
        <row r="787">
          <cell r="C787">
            <v>1.4503999999999999</v>
          </cell>
          <cell r="AT787">
            <v>2000</v>
          </cell>
          <cell r="AU787">
            <v>2</v>
          </cell>
        </row>
        <row r="788">
          <cell r="C788">
            <v>1.4503999999999999</v>
          </cell>
          <cell r="AT788">
            <v>2000</v>
          </cell>
          <cell r="AU788">
            <v>2</v>
          </cell>
        </row>
        <row r="789">
          <cell r="C789">
            <v>1.4503999999999999</v>
          </cell>
          <cell r="AT789">
            <v>2000</v>
          </cell>
          <cell r="AU789">
            <v>2</v>
          </cell>
        </row>
        <row r="790">
          <cell r="C790">
            <v>1.4541999999999999</v>
          </cell>
          <cell r="AT790">
            <v>2000</v>
          </cell>
          <cell r="AU790">
            <v>2</v>
          </cell>
        </row>
        <row r="791">
          <cell r="C791">
            <v>1.4488000000000001</v>
          </cell>
          <cell r="AT791">
            <v>2000</v>
          </cell>
          <cell r="AU791">
            <v>3</v>
          </cell>
        </row>
        <row r="792">
          <cell r="C792">
            <v>1.4473</v>
          </cell>
          <cell r="AT792">
            <v>2000</v>
          </cell>
          <cell r="AU792">
            <v>3</v>
          </cell>
        </row>
        <row r="793">
          <cell r="C793">
            <v>1.4537</v>
          </cell>
          <cell r="AT793">
            <v>2000</v>
          </cell>
          <cell r="AU793">
            <v>3</v>
          </cell>
        </row>
        <row r="794">
          <cell r="C794">
            <v>1.4507000000000001</v>
          </cell>
          <cell r="AT794">
            <v>2000</v>
          </cell>
          <cell r="AU794">
            <v>3</v>
          </cell>
        </row>
        <row r="795">
          <cell r="C795">
            <v>1.4507000000000001</v>
          </cell>
          <cell r="AT795">
            <v>2000</v>
          </cell>
          <cell r="AU795">
            <v>3</v>
          </cell>
        </row>
        <row r="796">
          <cell r="C796">
            <v>1.4507000000000001</v>
          </cell>
          <cell r="AT796">
            <v>2000</v>
          </cell>
          <cell r="AU796">
            <v>3</v>
          </cell>
        </row>
        <row r="797">
          <cell r="C797">
            <v>1.4550000000000001</v>
          </cell>
          <cell r="AT797">
            <v>2000</v>
          </cell>
          <cell r="AU797">
            <v>3</v>
          </cell>
        </row>
        <row r="798">
          <cell r="C798">
            <v>1.4527000000000001</v>
          </cell>
          <cell r="AT798">
            <v>2000</v>
          </cell>
          <cell r="AU798">
            <v>3</v>
          </cell>
        </row>
        <row r="799">
          <cell r="C799">
            <v>1.4589000000000001</v>
          </cell>
          <cell r="AT799">
            <v>2000</v>
          </cell>
          <cell r="AU799">
            <v>3</v>
          </cell>
        </row>
        <row r="800">
          <cell r="C800">
            <v>1.4571000000000001</v>
          </cell>
          <cell r="AT800">
            <v>2000</v>
          </cell>
          <cell r="AU800">
            <v>3</v>
          </cell>
        </row>
        <row r="801">
          <cell r="C801">
            <v>1.4574</v>
          </cell>
          <cell r="AT801">
            <v>2000</v>
          </cell>
          <cell r="AU801">
            <v>3</v>
          </cell>
        </row>
        <row r="802">
          <cell r="C802">
            <v>1.4574</v>
          </cell>
          <cell r="AT802">
            <v>2000</v>
          </cell>
          <cell r="AU802">
            <v>3</v>
          </cell>
        </row>
        <row r="803">
          <cell r="C803">
            <v>1.4574</v>
          </cell>
          <cell r="AT803">
            <v>2000</v>
          </cell>
          <cell r="AU803">
            <v>3</v>
          </cell>
        </row>
        <row r="804">
          <cell r="C804">
            <v>1.4611000000000001</v>
          </cell>
          <cell r="AT804">
            <v>2000</v>
          </cell>
          <cell r="AU804">
            <v>3</v>
          </cell>
        </row>
        <row r="805">
          <cell r="C805">
            <v>1.4629000000000001</v>
          </cell>
          <cell r="AT805">
            <v>2000</v>
          </cell>
          <cell r="AU805">
            <v>3</v>
          </cell>
        </row>
        <row r="806">
          <cell r="C806">
            <v>1.4679</v>
          </cell>
          <cell r="AT806">
            <v>2000</v>
          </cell>
          <cell r="AU806">
            <v>3</v>
          </cell>
        </row>
        <row r="807">
          <cell r="C807">
            <v>1.4721</v>
          </cell>
          <cell r="AT807">
            <v>2000</v>
          </cell>
          <cell r="AU807">
            <v>3</v>
          </cell>
        </row>
        <row r="808">
          <cell r="C808">
            <v>1.4732000000000001</v>
          </cell>
          <cell r="AT808">
            <v>2000</v>
          </cell>
          <cell r="AU808">
            <v>3</v>
          </cell>
        </row>
        <row r="809">
          <cell r="C809">
            <v>1.4732000000000001</v>
          </cell>
          <cell r="AT809">
            <v>2000</v>
          </cell>
          <cell r="AU809">
            <v>3</v>
          </cell>
        </row>
        <row r="810">
          <cell r="C810">
            <v>1.4732000000000001</v>
          </cell>
          <cell r="AT810">
            <v>2000</v>
          </cell>
          <cell r="AU810">
            <v>3</v>
          </cell>
        </row>
        <row r="811">
          <cell r="C811">
            <v>1.4701</v>
          </cell>
          <cell r="AT811">
            <v>2000</v>
          </cell>
          <cell r="AU811">
            <v>3</v>
          </cell>
        </row>
        <row r="812">
          <cell r="C812">
            <v>1.466</v>
          </cell>
          <cell r="AT812">
            <v>2000</v>
          </cell>
          <cell r="AU812">
            <v>3</v>
          </cell>
        </row>
        <row r="813">
          <cell r="C813">
            <v>1.4718</v>
          </cell>
          <cell r="AT813">
            <v>2000</v>
          </cell>
          <cell r="AU813">
            <v>3</v>
          </cell>
        </row>
        <row r="814">
          <cell r="C814">
            <v>1.4726999999999999</v>
          </cell>
          <cell r="AT814">
            <v>2000</v>
          </cell>
          <cell r="AU814">
            <v>3</v>
          </cell>
        </row>
        <row r="815">
          <cell r="C815">
            <v>1.4649000000000001</v>
          </cell>
          <cell r="AT815">
            <v>2000</v>
          </cell>
          <cell r="AU815">
            <v>3</v>
          </cell>
        </row>
        <row r="816">
          <cell r="C816">
            <v>1.4649000000000001</v>
          </cell>
          <cell r="AT816">
            <v>2000</v>
          </cell>
          <cell r="AU816">
            <v>3</v>
          </cell>
        </row>
        <row r="817">
          <cell r="C817">
            <v>1.4649000000000001</v>
          </cell>
          <cell r="AT817">
            <v>2000</v>
          </cell>
          <cell r="AU817">
            <v>3</v>
          </cell>
        </row>
        <row r="818">
          <cell r="C818">
            <v>1.4602999999999999</v>
          </cell>
          <cell r="AT818">
            <v>2000</v>
          </cell>
          <cell r="AU818">
            <v>3</v>
          </cell>
        </row>
        <row r="819">
          <cell r="C819">
            <v>1.454</v>
          </cell>
          <cell r="AT819">
            <v>2000</v>
          </cell>
          <cell r="AU819">
            <v>3</v>
          </cell>
        </row>
        <row r="820">
          <cell r="C820">
            <v>1.4553</v>
          </cell>
          <cell r="AT820">
            <v>2000</v>
          </cell>
          <cell r="AU820">
            <v>3</v>
          </cell>
        </row>
        <row r="821">
          <cell r="C821">
            <v>1.4548000000000001</v>
          </cell>
          <cell r="AT821">
            <v>2000</v>
          </cell>
          <cell r="AU821">
            <v>3</v>
          </cell>
        </row>
        <row r="822">
          <cell r="C822">
            <v>1.4535</v>
          </cell>
          <cell r="AT822">
            <v>2000</v>
          </cell>
          <cell r="AU822">
            <v>4</v>
          </cell>
        </row>
        <row r="823">
          <cell r="C823">
            <v>1.4535</v>
          </cell>
          <cell r="AT823">
            <v>2000</v>
          </cell>
          <cell r="AU823">
            <v>4</v>
          </cell>
        </row>
        <row r="824">
          <cell r="C824">
            <v>1.4535</v>
          </cell>
          <cell r="AT824">
            <v>2000</v>
          </cell>
          <cell r="AU824">
            <v>4</v>
          </cell>
        </row>
        <row r="825">
          <cell r="C825">
            <v>1.4547000000000001</v>
          </cell>
          <cell r="AT825">
            <v>2000</v>
          </cell>
          <cell r="AU825">
            <v>4</v>
          </cell>
        </row>
        <row r="826">
          <cell r="C826">
            <v>1.4529000000000001</v>
          </cell>
          <cell r="AT826">
            <v>2000</v>
          </cell>
          <cell r="AU826">
            <v>4</v>
          </cell>
        </row>
        <row r="827">
          <cell r="C827">
            <v>1.4544999999999999</v>
          </cell>
          <cell r="AT827">
            <v>2000</v>
          </cell>
          <cell r="AU827">
            <v>4</v>
          </cell>
        </row>
        <row r="828">
          <cell r="C828">
            <v>1.4518</v>
          </cell>
          <cell r="AT828">
            <v>2000</v>
          </cell>
          <cell r="AU828">
            <v>4</v>
          </cell>
        </row>
        <row r="829">
          <cell r="C829">
            <v>1.4575</v>
          </cell>
          <cell r="AT829">
            <v>2000</v>
          </cell>
          <cell r="AU829">
            <v>4</v>
          </cell>
        </row>
        <row r="830">
          <cell r="C830">
            <v>1.4575</v>
          </cell>
          <cell r="AT830">
            <v>2000</v>
          </cell>
          <cell r="AU830">
            <v>4</v>
          </cell>
        </row>
        <row r="831">
          <cell r="C831">
            <v>1.4575</v>
          </cell>
          <cell r="AT831">
            <v>2000</v>
          </cell>
          <cell r="AU831">
            <v>4</v>
          </cell>
        </row>
        <row r="832">
          <cell r="C832">
            <v>1.4611000000000001</v>
          </cell>
          <cell r="AT832">
            <v>2000</v>
          </cell>
          <cell r="AU832">
            <v>4</v>
          </cell>
        </row>
        <row r="833">
          <cell r="C833">
            <v>1.4639</v>
          </cell>
          <cell r="AT833">
            <v>2000</v>
          </cell>
          <cell r="AU833">
            <v>4</v>
          </cell>
        </row>
        <row r="834">
          <cell r="C834">
            <v>1.4621999999999999</v>
          </cell>
          <cell r="AT834">
            <v>2000</v>
          </cell>
          <cell r="AU834">
            <v>4</v>
          </cell>
        </row>
        <row r="835">
          <cell r="C835">
            <v>1.466</v>
          </cell>
          <cell r="AT835">
            <v>2000</v>
          </cell>
          <cell r="AU835">
            <v>4</v>
          </cell>
        </row>
        <row r="836">
          <cell r="C836">
            <v>1.4763999999999999</v>
          </cell>
          <cell r="AT836">
            <v>2000</v>
          </cell>
          <cell r="AU836">
            <v>4</v>
          </cell>
        </row>
        <row r="837">
          <cell r="C837">
            <v>1.4763999999999999</v>
          </cell>
          <cell r="AT837">
            <v>2000</v>
          </cell>
          <cell r="AU837">
            <v>4</v>
          </cell>
        </row>
        <row r="838">
          <cell r="C838">
            <v>1.4763999999999999</v>
          </cell>
          <cell r="AT838">
            <v>2000</v>
          </cell>
          <cell r="AU838">
            <v>4</v>
          </cell>
        </row>
        <row r="839">
          <cell r="C839">
            <v>1.4847999999999999</v>
          </cell>
          <cell r="AT839">
            <v>2000</v>
          </cell>
          <cell r="AU839">
            <v>4</v>
          </cell>
        </row>
        <row r="840">
          <cell r="C840">
            <v>1.4839</v>
          </cell>
          <cell r="AT840">
            <v>2000</v>
          </cell>
          <cell r="AU840">
            <v>4</v>
          </cell>
        </row>
        <row r="841">
          <cell r="C841">
            <v>1.476</v>
          </cell>
          <cell r="AT841">
            <v>2000</v>
          </cell>
          <cell r="AU841">
            <v>4</v>
          </cell>
        </row>
        <row r="842">
          <cell r="C842">
            <v>1.4725999999999999</v>
          </cell>
          <cell r="AT842">
            <v>2000</v>
          </cell>
          <cell r="AU842">
            <v>4</v>
          </cell>
        </row>
        <row r="843">
          <cell r="C843">
            <v>1.4725999999999999</v>
          </cell>
          <cell r="AT843">
            <v>2000</v>
          </cell>
          <cell r="AU843">
            <v>4</v>
          </cell>
        </row>
        <row r="844">
          <cell r="C844">
            <v>1.4725999999999999</v>
          </cell>
          <cell r="AT844">
            <v>2000</v>
          </cell>
          <cell r="AU844">
            <v>4</v>
          </cell>
        </row>
        <row r="845">
          <cell r="C845">
            <v>1.4725999999999999</v>
          </cell>
          <cell r="AT845">
            <v>2000</v>
          </cell>
          <cell r="AU845">
            <v>4</v>
          </cell>
        </row>
        <row r="846">
          <cell r="C846">
            <v>1.476</v>
          </cell>
          <cell r="AT846">
            <v>2000</v>
          </cell>
          <cell r="AU846">
            <v>4</v>
          </cell>
        </row>
        <row r="847">
          <cell r="C847">
            <v>1.4699</v>
          </cell>
          <cell r="AT847">
            <v>2000</v>
          </cell>
          <cell r="AU847">
            <v>4</v>
          </cell>
        </row>
        <row r="848">
          <cell r="C848">
            <v>1.4756</v>
          </cell>
          <cell r="AT848">
            <v>2000</v>
          </cell>
          <cell r="AU848">
            <v>4</v>
          </cell>
        </row>
        <row r="849">
          <cell r="C849">
            <v>1.4790000000000001</v>
          </cell>
          <cell r="AT849">
            <v>2000</v>
          </cell>
          <cell r="AU849">
            <v>4</v>
          </cell>
        </row>
        <row r="850">
          <cell r="C850">
            <v>1.4811000000000001</v>
          </cell>
          <cell r="AT850">
            <v>2000</v>
          </cell>
          <cell r="AU850">
            <v>4</v>
          </cell>
        </row>
        <row r="851">
          <cell r="C851">
            <v>1.4811000000000001</v>
          </cell>
          <cell r="AT851">
            <v>2000</v>
          </cell>
          <cell r="AU851">
            <v>4</v>
          </cell>
        </row>
        <row r="852">
          <cell r="C852">
            <v>1.4811000000000001</v>
          </cell>
          <cell r="AT852">
            <v>2000</v>
          </cell>
          <cell r="AU852">
            <v>5</v>
          </cell>
        </row>
        <row r="853">
          <cell r="C853">
            <v>1.4782999999999999</v>
          </cell>
          <cell r="AT853">
            <v>2000</v>
          </cell>
          <cell r="AU853">
            <v>5</v>
          </cell>
        </row>
        <row r="854">
          <cell r="C854">
            <v>1.4854000000000001</v>
          </cell>
          <cell r="AT854">
            <v>2000</v>
          </cell>
          <cell r="AU854">
            <v>5</v>
          </cell>
        </row>
        <row r="855">
          <cell r="C855">
            <v>1.492</v>
          </cell>
          <cell r="AT855">
            <v>2000</v>
          </cell>
          <cell r="AU855">
            <v>5</v>
          </cell>
        </row>
        <row r="856">
          <cell r="C856">
            <v>1.4976</v>
          </cell>
          <cell r="AT856">
            <v>2000</v>
          </cell>
          <cell r="AU856">
            <v>5</v>
          </cell>
        </row>
        <row r="857">
          <cell r="C857">
            <v>1.4976</v>
          </cell>
          <cell r="AT857">
            <v>2000</v>
          </cell>
          <cell r="AU857">
            <v>5</v>
          </cell>
        </row>
        <row r="858">
          <cell r="C858">
            <v>1.4976</v>
          </cell>
          <cell r="AT858">
            <v>2000</v>
          </cell>
          <cell r="AU858">
            <v>5</v>
          </cell>
        </row>
        <row r="859">
          <cell r="C859">
            <v>1.4976</v>
          </cell>
          <cell r="AT859">
            <v>2000</v>
          </cell>
          <cell r="AU859">
            <v>5</v>
          </cell>
        </row>
        <row r="860">
          <cell r="C860">
            <v>1.4924999999999999</v>
          </cell>
          <cell r="AT860">
            <v>2000</v>
          </cell>
          <cell r="AU860">
            <v>5</v>
          </cell>
        </row>
        <row r="861">
          <cell r="C861">
            <v>1.4944999999999999</v>
          </cell>
          <cell r="AT861">
            <v>2000</v>
          </cell>
          <cell r="AU861">
            <v>5</v>
          </cell>
        </row>
        <row r="862">
          <cell r="C862">
            <v>1.4957</v>
          </cell>
          <cell r="AT862">
            <v>2000</v>
          </cell>
          <cell r="AU862">
            <v>5</v>
          </cell>
        </row>
        <row r="863">
          <cell r="C863">
            <v>1.4894000000000001</v>
          </cell>
          <cell r="AT863">
            <v>2000</v>
          </cell>
          <cell r="AU863">
            <v>5</v>
          </cell>
        </row>
        <row r="864">
          <cell r="C864">
            <v>1.4870000000000001</v>
          </cell>
          <cell r="AT864">
            <v>2000</v>
          </cell>
          <cell r="AU864">
            <v>5</v>
          </cell>
        </row>
        <row r="865">
          <cell r="C865">
            <v>1.4870000000000001</v>
          </cell>
          <cell r="AT865">
            <v>2000</v>
          </cell>
          <cell r="AU865">
            <v>5</v>
          </cell>
        </row>
        <row r="866">
          <cell r="C866">
            <v>1.4870000000000001</v>
          </cell>
          <cell r="AT866">
            <v>2000</v>
          </cell>
          <cell r="AU866">
            <v>5</v>
          </cell>
        </row>
        <row r="867">
          <cell r="C867">
            <v>1.4890000000000001</v>
          </cell>
          <cell r="AT867">
            <v>2000</v>
          </cell>
          <cell r="AU867">
            <v>5</v>
          </cell>
        </row>
        <row r="868">
          <cell r="C868">
            <v>1.4858</v>
          </cell>
          <cell r="AT868">
            <v>2000</v>
          </cell>
          <cell r="AU868">
            <v>5</v>
          </cell>
        </row>
        <row r="869">
          <cell r="C869">
            <v>1.4986999999999999</v>
          </cell>
          <cell r="AT869">
            <v>2000</v>
          </cell>
          <cell r="AU869">
            <v>5</v>
          </cell>
        </row>
        <row r="870">
          <cell r="C870">
            <v>1.5004999999999999</v>
          </cell>
          <cell r="AT870">
            <v>2000</v>
          </cell>
          <cell r="AU870">
            <v>5</v>
          </cell>
        </row>
        <row r="871">
          <cell r="C871">
            <v>1.4953000000000001</v>
          </cell>
          <cell r="AT871">
            <v>2000</v>
          </cell>
          <cell r="AU871">
            <v>5</v>
          </cell>
        </row>
        <row r="872">
          <cell r="C872">
            <v>1.4953000000000001</v>
          </cell>
          <cell r="AT872">
            <v>2000</v>
          </cell>
          <cell r="AU872">
            <v>5</v>
          </cell>
        </row>
        <row r="873">
          <cell r="C873">
            <v>1.4953000000000001</v>
          </cell>
          <cell r="AT873">
            <v>2000</v>
          </cell>
          <cell r="AU873">
            <v>5</v>
          </cell>
        </row>
        <row r="874">
          <cell r="C874">
            <v>1.4953000000000001</v>
          </cell>
          <cell r="AT874">
            <v>2000</v>
          </cell>
          <cell r="AU874">
            <v>5</v>
          </cell>
        </row>
        <row r="875">
          <cell r="C875">
            <v>1.5035000000000001</v>
          </cell>
          <cell r="AT875">
            <v>2000</v>
          </cell>
          <cell r="AU875">
            <v>5</v>
          </cell>
        </row>
        <row r="876">
          <cell r="C876">
            <v>1.5081</v>
          </cell>
          <cell r="AT876">
            <v>2000</v>
          </cell>
          <cell r="AU876">
            <v>5</v>
          </cell>
        </row>
        <row r="877">
          <cell r="C877">
            <v>1.5057</v>
          </cell>
          <cell r="AT877">
            <v>2000</v>
          </cell>
          <cell r="AU877">
            <v>5</v>
          </cell>
        </row>
        <row r="878">
          <cell r="C878">
            <v>1.504</v>
          </cell>
          <cell r="AT878">
            <v>2000</v>
          </cell>
          <cell r="AU878">
            <v>5</v>
          </cell>
        </row>
        <row r="879">
          <cell r="C879">
            <v>1.504</v>
          </cell>
          <cell r="AT879">
            <v>2000</v>
          </cell>
          <cell r="AU879">
            <v>5</v>
          </cell>
        </row>
        <row r="880">
          <cell r="C880">
            <v>1.504</v>
          </cell>
          <cell r="AT880">
            <v>2000</v>
          </cell>
          <cell r="AU880">
            <v>5</v>
          </cell>
        </row>
        <row r="881">
          <cell r="C881">
            <v>1.4984</v>
          </cell>
          <cell r="AT881">
            <v>2000</v>
          </cell>
          <cell r="AU881">
            <v>5</v>
          </cell>
        </row>
        <row r="882">
          <cell r="C882">
            <v>1.5035000000000001</v>
          </cell>
          <cell r="AT882">
            <v>2000</v>
          </cell>
          <cell r="AU882">
            <v>5</v>
          </cell>
        </row>
        <row r="883">
          <cell r="C883">
            <v>1.4978</v>
          </cell>
          <cell r="AT883">
            <v>2000</v>
          </cell>
          <cell r="AU883">
            <v>6</v>
          </cell>
        </row>
        <row r="884">
          <cell r="C884">
            <v>1.4911000000000001</v>
          </cell>
          <cell r="AT884">
            <v>2000</v>
          </cell>
          <cell r="AU884">
            <v>6</v>
          </cell>
        </row>
        <row r="885">
          <cell r="C885">
            <v>1.478</v>
          </cell>
          <cell r="AT885">
            <v>2000</v>
          </cell>
          <cell r="AU885">
            <v>6</v>
          </cell>
        </row>
        <row r="886">
          <cell r="C886">
            <v>1.478</v>
          </cell>
          <cell r="AT886">
            <v>2000</v>
          </cell>
          <cell r="AU886">
            <v>6</v>
          </cell>
        </row>
        <row r="887">
          <cell r="C887">
            <v>1.478</v>
          </cell>
          <cell r="AT887">
            <v>2000</v>
          </cell>
          <cell r="AU887">
            <v>6</v>
          </cell>
        </row>
        <row r="888">
          <cell r="C888">
            <v>1.478</v>
          </cell>
          <cell r="AT888">
            <v>2000</v>
          </cell>
          <cell r="AU888">
            <v>6</v>
          </cell>
        </row>
        <row r="889">
          <cell r="C889">
            <v>1.4777</v>
          </cell>
          <cell r="AT889">
            <v>2000</v>
          </cell>
          <cell r="AU889">
            <v>6</v>
          </cell>
        </row>
        <row r="890">
          <cell r="C890">
            <v>1.4783999999999999</v>
          </cell>
          <cell r="AT890">
            <v>2000</v>
          </cell>
          <cell r="AU890">
            <v>6</v>
          </cell>
        </row>
        <row r="891">
          <cell r="C891">
            <v>1.4802</v>
          </cell>
          <cell r="AT891">
            <v>2000</v>
          </cell>
          <cell r="AU891">
            <v>6</v>
          </cell>
        </row>
        <row r="892">
          <cell r="C892">
            <v>1.4762999999999999</v>
          </cell>
          <cell r="AT892">
            <v>2000</v>
          </cell>
          <cell r="AU892">
            <v>6</v>
          </cell>
        </row>
        <row r="893">
          <cell r="C893">
            <v>1.4762999999999999</v>
          </cell>
          <cell r="AT893">
            <v>2000</v>
          </cell>
          <cell r="AU893">
            <v>6</v>
          </cell>
        </row>
        <row r="894">
          <cell r="C894">
            <v>1.4762999999999999</v>
          </cell>
          <cell r="AT894">
            <v>2000</v>
          </cell>
          <cell r="AU894">
            <v>6</v>
          </cell>
        </row>
        <row r="895">
          <cell r="C895">
            <v>1.4761</v>
          </cell>
          <cell r="AT895">
            <v>2000</v>
          </cell>
          <cell r="AU895">
            <v>6</v>
          </cell>
        </row>
        <row r="896">
          <cell r="C896">
            <v>1.4691000000000001</v>
          </cell>
          <cell r="AT896">
            <v>2000</v>
          </cell>
          <cell r="AU896">
            <v>6</v>
          </cell>
        </row>
        <row r="897">
          <cell r="C897">
            <v>1.4694</v>
          </cell>
          <cell r="AT897">
            <v>2000</v>
          </cell>
          <cell r="AU897">
            <v>6</v>
          </cell>
        </row>
        <row r="898">
          <cell r="C898">
            <v>1.4756</v>
          </cell>
          <cell r="AT898">
            <v>2000</v>
          </cell>
          <cell r="AU898">
            <v>6</v>
          </cell>
        </row>
        <row r="899">
          <cell r="C899">
            <v>1.4703999999999999</v>
          </cell>
          <cell r="AT899">
            <v>2000</v>
          </cell>
          <cell r="AU899">
            <v>6</v>
          </cell>
        </row>
        <row r="900">
          <cell r="C900">
            <v>1.4703999999999999</v>
          </cell>
          <cell r="AT900">
            <v>2000</v>
          </cell>
          <cell r="AU900">
            <v>6</v>
          </cell>
        </row>
        <row r="901">
          <cell r="C901">
            <v>1.4703999999999999</v>
          </cell>
          <cell r="AT901">
            <v>2000</v>
          </cell>
          <cell r="AU901">
            <v>6</v>
          </cell>
        </row>
        <row r="902">
          <cell r="C902">
            <v>1.4653</v>
          </cell>
          <cell r="AT902">
            <v>2000</v>
          </cell>
          <cell r="AU902">
            <v>6</v>
          </cell>
        </row>
        <row r="903">
          <cell r="C903">
            <v>1.4705999999999999</v>
          </cell>
          <cell r="AT903">
            <v>2000</v>
          </cell>
          <cell r="AU903">
            <v>6</v>
          </cell>
        </row>
        <row r="904">
          <cell r="C904">
            <v>1.4730000000000001</v>
          </cell>
          <cell r="AT904">
            <v>2000</v>
          </cell>
          <cell r="AU904">
            <v>6</v>
          </cell>
        </row>
        <row r="905">
          <cell r="C905">
            <v>1.4730000000000001</v>
          </cell>
          <cell r="AT905">
            <v>2000</v>
          </cell>
          <cell r="AU905">
            <v>6</v>
          </cell>
        </row>
        <row r="906">
          <cell r="C906">
            <v>1.4792000000000001</v>
          </cell>
          <cell r="AT906">
            <v>2000</v>
          </cell>
          <cell r="AU906">
            <v>6</v>
          </cell>
        </row>
        <row r="907">
          <cell r="C907">
            <v>1.4792000000000001</v>
          </cell>
          <cell r="AT907">
            <v>2000</v>
          </cell>
          <cell r="AU907">
            <v>6</v>
          </cell>
        </row>
        <row r="908">
          <cell r="C908">
            <v>1.4792000000000001</v>
          </cell>
          <cell r="AT908">
            <v>2000</v>
          </cell>
          <cell r="AU908">
            <v>6</v>
          </cell>
        </row>
        <row r="909">
          <cell r="C909">
            <v>1.4821</v>
          </cell>
          <cell r="AT909">
            <v>2000</v>
          </cell>
          <cell r="AU909">
            <v>6</v>
          </cell>
        </row>
        <row r="910">
          <cell r="C910">
            <v>1.4824999999999999</v>
          </cell>
          <cell r="AT910">
            <v>2000</v>
          </cell>
          <cell r="AU910">
            <v>6</v>
          </cell>
        </row>
        <row r="911">
          <cell r="C911">
            <v>1.4835</v>
          </cell>
          <cell r="AT911">
            <v>2000</v>
          </cell>
          <cell r="AU911">
            <v>6</v>
          </cell>
        </row>
        <row r="912">
          <cell r="C912">
            <v>1.4817</v>
          </cell>
          <cell r="AT912">
            <v>2000</v>
          </cell>
          <cell r="AU912">
            <v>6</v>
          </cell>
        </row>
        <row r="913">
          <cell r="C913">
            <v>1.4793000000000001</v>
          </cell>
          <cell r="AT913">
            <v>2000</v>
          </cell>
          <cell r="AU913">
            <v>7</v>
          </cell>
        </row>
        <row r="914">
          <cell r="C914">
            <v>1.4793000000000001</v>
          </cell>
          <cell r="AT914">
            <v>2000</v>
          </cell>
          <cell r="AU914">
            <v>7</v>
          </cell>
        </row>
        <row r="915">
          <cell r="C915">
            <v>1.4793000000000001</v>
          </cell>
          <cell r="AT915">
            <v>2000</v>
          </cell>
          <cell r="AU915">
            <v>7</v>
          </cell>
        </row>
        <row r="916">
          <cell r="C916">
            <v>1.4793000000000001</v>
          </cell>
          <cell r="AT916">
            <v>2000</v>
          </cell>
          <cell r="AU916">
            <v>7</v>
          </cell>
        </row>
        <row r="917">
          <cell r="C917">
            <v>1.4839</v>
          </cell>
          <cell r="AT917">
            <v>2000</v>
          </cell>
          <cell r="AU917">
            <v>7</v>
          </cell>
        </row>
        <row r="918">
          <cell r="C918">
            <v>1.4906999999999999</v>
          </cell>
          <cell r="AT918">
            <v>2000</v>
          </cell>
          <cell r="AU918">
            <v>7</v>
          </cell>
        </row>
        <row r="919">
          <cell r="C919">
            <v>1.4853000000000001</v>
          </cell>
          <cell r="AT919">
            <v>2000</v>
          </cell>
          <cell r="AU919">
            <v>7</v>
          </cell>
        </row>
        <row r="920">
          <cell r="C920">
            <v>1.4811000000000001</v>
          </cell>
          <cell r="AT920">
            <v>2000</v>
          </cell>
          <cell r="AU920">
            <v>7</v>
          </cell>
        </row>
        <row r="921">
          <cell r="C921">
            <v>1.4811000000000001</v>
          </cell>
          <cell r="AT921">
            <v>2000</v>
          </cell>
          <cell r="AU921">
            <v>7</v>
          </cell>
        </row>
        <row r="922">
          <cell r="C922">
            <v>1.4811000000000001</v>
          </cell>
          <cell r="AT922">
            <v>2000</v>
          </cell>
          <cell r="AU922">
            <v>7</v>
          </cell>
        </row>
        <row r="923">
          <cell r="C923">
            <v>1.48</v>
          </cell>
          <cell r="AT923">
            <v>2000</v>
          </cell>
          <cell r="AU923">
            <v>7</v>
          </cell>
        </row>
        <row r="924">
          <cell r="C924">
            <v>1.4782</v>
          </cell>
          <cell r="AT924">
            <v>2000</v>
          </cell>
          <cell r="AU924">
            <v>7</v>
          </cell>
        </row>
        <row r="925">
          <cell r="C925">
            <v>1.4810000000000001</v>
          </cell>
          <cell r="AT925">
            <v>2000</v>
          </cell>
          <cell r="AU925">
            <v>7</v>
          </cell>
        </row>
        <row r="926">
          <cell r="C926">
            <v>1.4805999999999999</v>
          </cell>
          <cell r="AT926">
            <v>2000</v>
          </cell>
          <cell r="AU926">
            <v>7</v>
          </cell>
        </row>
        <row r="927">
          <cell r="C927">
            <v>1.4842</v>
          </cell>
          <cell r="AT927">
            <v>2000</v>
          </cell>
          <cell r="AU927">
            <v>7</v>
          </cell>
        </row>
        <row r="928">
          <cell r="C928">
            <v>1.4842</v>
          </cell>
          <cell r="AT928">
            <v>2000</v>
          </cell>
          <cell r="AU928">
            <v>7</v>
          </cell>
        </row>
        <row r="929">
          <cell r="C929">
            <v>1.4842</v>
          </cell>
          <cell r="AT929">
            <v>2000</v>
          </cell>
          <cell r="AU929">
            <v>7</v>
          </cell>
        </row>
        <row r="930">
          <cell r="C930">
            <v>1.4810000000000001</v>
          </cell>
          <cell r="AT930">
            <v>2000</v>
          </cell>
          <cell r="AU930">
            <v>7</v>
          </cell>
        </row>
        <row r="931">
          <cell r="C931">
            <v>1.478</v>
          </cell>
          <cell r="AT931">
            <v>2000</v>
          </cell>
          <cell r="AU931">
            <v>7</v>
          </cell>
        </row>
        <row r="932">
          <cell r="C932">
            <v>1.4756</v>
          </cell>
          <cell r="AT932">
            <v>2000</v>
          </cell>
          <cell r="AU932">
            <v>7</v>
          </cell>
        </row>
        <row r="933">
          <cell r="C933">
            <v>1.4750000000000001</v>
          </cell>
          <cell r="AT933">
            <v>2000</v>
          </cell>
          <cell r="AU933">
            <v>7</v>
          </cell>
        </row>
        <row r="934">
          <cell r="C934">
            <v>1.4715</v>
          </cell>
          <cell r="AT934">
            <v>2000</v>
          </cell>
          <cell r="AU934">
            <v>7</v>
          </cell>
        </row>
        <row r="935">
          <cell r="C935">
            <v>1.4715</v>
          </cell>
          <cell r="AT935">
            <v>2000</v>
          </cell>
          <cell r="AU935">
            <v>7</v>
          </cell>
        </row>
        <row r="936">
          <cell r="C936">
            <v>1.4715</v>
          </cell>
          <cell r="AT936">
            <v>2000</v>
          </cell>
          <cell r="AU936">
            <v>7</v>
          </cell>
        </row>
        <row r="937">
          <cell r="C937">
            <v>1.4641</v>
          </cell>
          <cell r="AT937">
            <v>2000</v>
          </cell>
          <cell r="AU937">
            <v>7</v>
          </cell>
        </row>
        <row r="938">
          <cell r="C938">
            <v>1.4652000000000001</v>
          </cell>
          <cell r="AT938">
            <v>2000</v>
          </cell>
          <cell r="AU938">
            <v>7</v>
          </cell>
        </row>
        <row r="939">
          <cell r="C939">
            <v>1.4663999999999999</v>
          </cell>
          <cell r="AT939">
            <v>2000</v>
          </cell>
          <cell r="AU939">
            <v>7</v>
          </cell>
        </row>
        <row r="940">
          <cell r="C940">
            <v>1.4708000000000001</v>
          </cell>
          <cell r="AT940">
            <v>2000</v>
          </cell>
          <cell r="AU940">
            <v>7</v>
          </cell>
        </row>
        <row r="941">
          <cell r="C941">
            <v>1.4773000000000001</v>
          </cell>
          <cell r="AT941">
            <v>2000</v>
          </cell>
          <cell r="AU941">
            <v>7</v>
          </cell>
        </row>
        <row r="942">
          <cell r="C942">
            <v>1.4773000000000001</v>
          </cell>
          <cell r="AT942">
            <v>2000</v>
          </cell>
          <cell r="AU942">
            <v>7</v>
          </cell>
        </row>
        <row r="943">
          <cell r="C943">
            <v>1.4773000000000001</v>
          </cell>
          <cell r="AT943">
            <v>2000</v>
          </cell>
          <cell r="AU943">
            <v>7</v>
          </cell>
        </row>
        <row r="944">
          <cell r="C944">
            <v>1.4872000000000001</v>
          </cell>
          <cell r="AT944">
            <v>2000</v>
          </cell>
          <cell r="AU944">
            <v>8</v>
          </cell>
        </row>
        <row r="945">
          <cell r="C945">
            <v>1.4887999999999999</v>
          </cell>
          <cell r="AT945">
            <v>2000</v>
          </cell>
          <cell r="AU945">
            <v>8</v>
          </cell>
        </row>
        <row r="946">
          <cell r="C946">
            <v>1.4810000000000001</v>
          </cell>
          <cell r="AT946">
            <v>2000</v>
          </cell>
          <cell r="AU946">
            <v>8</v>
          </cell>
        </row>
        <row r="947">
          <cell r="C947">
            <v>1.4841</v>
          </cell>
          <cell r="AT947">
            <v>2000</v>
          </cell>
          <cell r="AU947">
            <v>8</v>
          </cell>
        </row>
        <row r="948">
          <cell r="C948">
            <v>1.4887999999999999</v>
          </cell>
          <cell r="AT948">
            <v>2000</v>
          </cell>
          <cell r="AU948">
            <v>8</v>
          </cell>
        </row>
        <row r="949">
          <cell r="C949">
            <v>1.4887999999999999</v>
          </cell>
          <cell r="AT949">
            <v>2000</v>
          </cell>
          <cell r="AU949">
            <v>8</v>
          </cell>
        </row>
        <row r="950">
          <cell r="C950">
            <v>1.4887999999999999</v>
          </cell>
          <cell r="AT950">
            <v>2000</v>
          </cell>
          <cell r="AU950">
            <v>8</v>
          </cell>
        </row>
        <row r="951">
          <cell r="C951">
            <v>1.4887999999999999</v>
          </cell>
          <cell r="AT951">
            <v>2000</v>
          </cell>
          <cell r="AU951">
            <v>8</v>
          </cell>
        </row>
        <row r="952">
          <cell r="C952">
            <v>1.4887999999999999</v>
          </cell>
          <cell r="AT952">
            <v>2000</v>
          </cell>
          <cell r="AU952">
            <v>8</v>
          </cell>
        </row>
        <row r="953">
          <cell r="C953">
            <v>1.4850000000000001</v>
          </cell>
          <cell r="AT953">
            <v>2000</v>
          </cell>
          <cell r="AU953">
            <v>8</v>
          </cell>
        </row>
        <row r="954">
          <cell r="C954">
            <v>1.4823</v>
          </cell>
          <cell r="AT954">
            <v>2000</v>
          </cell>
          <cell r="AU954">
            <v>8</v>
          </cell>
        </row>
        <row r="955">
          <cell r="C955">
            <v>1.4838</v>
          </cell>
          <cell r="AT955">
            <v>2000</v>
          </cell>
          <cell r="AU955">
            <v>8</v>
          </cell>
        </row>
        <row r="956">
          <cell r="C956">
            <v>1.4838</v>
          </cell>
          <cell r="AT956">
            <v>2000</v>
          </cell>
          <cell r="AU956">
            <v>8</v>
          </cell>
        </row>
        <row r="957">
          <cell r="C957">
            <v>1.4838</v>
          </cell>
          <cell r="AT957">
            <v>2000</v>
          </cell>
          <cell r="AU957">
            <v>8</v>
          </cell>
        </row>
        <row r="958">
          <cell r="C958">
            <v>1.4847999999999999</v>
          </cell>
          <cell r="AT958">
            <v>2000</v>
          </cell>
          <cell r="AU958">
            <v>8</v>
          </cell>
        </row>
        <row r="959">
          <cell r="C959">
            <v>1.4871000000000001</v>
          </cell>
          <cell r="AT959">
            <v>2000</v>
          </cell>
          <cell r="AU959">
            <v>8</v>
          </cell>
        </row>
        <row r="960">
          <cell r="C960">
            <v>1.4770000000000001</v>
          </cell>
          <cell r="AT960">
            <v>2000</v>
          </cell>
          <cell r="AU960">
            <v>8</v>
          </cell>
        </row>
        <row r="961">
          <cell r="C961">
            <v>1.4757</v>
          </cell>
          <cell r="AT961">
            <v>2000</v>
          </cell>
          <cell r="AU961">
            <v>8</v>
          </cell>
        </row>
        <row r="962">
          <cell r="C962">
            <v>1.4743999999999999</v>
          </cell>
          <cell r="AT962">
            <v>2000</v>
          </cell>
          <cell r="AU962">
            <v>8</v>
          </cell>
        </row>
        <row r="963">
          <cell r="C963">
            <v>1.4743999999999999</v>
          </cell>
          <cell r="AT963">
            <v>2000</v>
          </cell>
          <cell r="AU963">
            <v>8</v>
          </cell>
        </row>
        <row r="964">
          <cell r="C964">
            <v>1.4743999999999999</v>
          </cell>
          <cell r="AT964">
            <v>2000</v>
          </cell>
          <cell r="AU964">
            <v>8</v>
          </cell>
        </row>
        <row r="965">
          <cell r="C965">
            <v>1.4769000000000001</v>
          </cell>
          <cell r="AT965">
            <v>2000</v>
          </cell>
          <cell r="AU965">
            <v>8</v>
          </cell>
        </row>
        <row r="966">
          <cell r="C966">
            <v>1.4754</v>
          </cell>
          <cell r="AT966">
            <v>2000</v>
          </cell>
          <cell r="AU966">
            <v>8</v>
          </cell>
        </row>
        <row r="967">
          <cell r="C967">
            <v>1.4875</v>
          </cell>
          <cell r="AT967">
            <v>2000</v>
          </cell>
          <cell r="AU967">
            <v>8</v>
          </cell>
        </row>
        <row r="968">
          <cell r="C968">
            <v>1.4869000000000001</v>
          </cell>
          <cell r="AT968">
            <v>2000</v>
          </cell>
          <cell r="AU968">
            <v>8</v>
          </cell>
        </row>
        <row r="969">
          <cell r="C969">
            <v>1.4825999999999999</v>
          </cell>
          <cell r="AT969">
            <v>2000</v>
          </cell>
          <cell r="AU969">
            <v>8</v>
          </cell>
        </row>
        <row r="970">
          <cell r="C970">
            <v>1.4825999999999999</v>
          </cell>
          <cell r="AT970">
            <v>2000</v>
          </cell>
          <cell r="AU970">
            <v>8</v>
          </cell>
        </row>
        <row r="971">
          <cell r="C971">
            <v>1.4825999999999999</v>
          </cell>
          <cell r="AT971">
            <v>2000</v>
          </cell>
          <cell r="AU971">
            <v>8</v>
          </cell>
        </row>
        <row r="972">
          <cell r="C972">
            <v>1.4843</v>
          </cell>
          <cell r="AT972">
            <v>2000</v>
          </cell>
          <cell r="AU972">
            <v>8</v>
          </cell>
        </row>
        <row r="973">
          <cell r="C973">
            <v>1.4870000000000001</v>
          </cell>
          <cell r="AT973">
            <v>2000</v>
          </cell>
          <cell r="AU973">
            <v>8</v>
          </cell>
        </row>
        <row r="974">
          <cell r="C974">
            <v>1.4795</v>
          </cell>
          <cell r="AT974">
            <v>2000</v>
          </cell>
          <cell r="AU974">
            <v>8</v>
          </cell>
        </row>
        <row r="975">
          <cell r="C975">
            <v>1.4722</v>
          </cell>
          <cell r="AT975">
            <v>2000</v>
          </cell>
          <cell r="AU975">
            <v>9</v>
          </cell>
        </row>
        <row r="976">
          <cell r="C976">
            <v>1.4735</v>
          </cell>
          <cell r="AT976">
            <v>2000</v>
          </cell>
          <cell r="AU976">
            <v>9</v>
          </cell>
        </row>
        <row r="977">
          <cell r="C977">
            <v>1.4735</v>
          </cell>
          <cell r="AT977">
            <v>2000</v>
          </cell>
          <cell r="AU977">
            <v>9</v>
          </cell>
        </row>
        <row r="978">
          <cell r="C978">
            <v>1.4735</v>
          </cell>
          <cell r="AT978">
            <v>2000</v>
          </cell>
          <cell r="AU978">
            <v>9</v>
          </cell>
        </row>
        <row r="979">
          <cell r="C979">
            <v>1.4735</v>
          </cell>
          <cell r="AT979">
            <v>2000</v>
          </cell>
          <cell r="AU979">
            <v>9</v>
          </cell>
        </row>
        <row r="980">
          <cell r="C980">
            <v>1.4755</v>
          </cell>
          <cell r="AT980">
            <v>2000</v>
          </cell>
          <cell r="AU980">
            <v>9</v>
          </cell>
        </row>
        <row r="981">
          <cell r="C981">
            <v>1.4836</v>
          </cell>
          <cell r="AT981">
            <v>2000</v>
          </cell>
          <cell r="AU981">
            <v>9</v>
          </cell>
        </row>
        <row r="982">
          <cell r="C982">
            <v>1.4775</v>
          </cell>
          <cell r="AT982">
            <v>2000</v>
          </cell>
          <cell r="AU982">
            <v>9</v>
          </cell>
        </row>
        <row r="983">
          <cell r="C983">
            <v>1.4777</v>
          </cell>
          <cell r="AT983">
            <v>2000</v>
          </cell>
          <cell r="AU983">
            <v>9</v>
          </cell>
        </row>
        <row r="984">
          <cell r="C984">
            <v>1.4777</v>
          </cell>
          <cell r="AT984">
            <v>2000</v>
          </cell>
          <cell r="AU984">
            <v>9</v>
          </cell>
        </row>
        <row r="985">
          <cell r="C985">
            <v>1.4777</v>
          </cell>
          <cell r="AT985">
            <v>2000</v>
          </cell>
          <cell r="AU985">
            <v>9</v>
          </cell>
        </row>
        <row r="986">
          <cell r="C986">
            <v>1.4799</v>
          </cell>
          <cell r="AT986">
            <v>2000</v>
          </cell>
          <cell r="AU986">
            <v>9</v>
          </cell>
        </row>
        <row r="987">
          <cell r="C987">
            <v>1.4811000000000001</v>
          </cell>
          <cell r="AT987">
            <v>2000</v>
          </cell>
          <cell r="AU987">
            <v>9</v>
          </cell>
        </row>
        <row r="988">
          <cell r="C988">
            <v>1.4835</v>
          </cell>
          <cell r="AT988">
            <v>2000</v>
          </cell>
          <cell r="AU988">
            <v>9</v>
          </cell>
        </row>
        <row r="989">
          <cell r="C989">
            <v>1.4864999999999999</v>
          </cell>
          <cell r="AT989">
            <v>2000</v>
          </cell>
          <cell r="AU989">
            <v>9</v>
          </cell>
        </row>
        <row r="990">
          <cell r="C990">
            <v>1.4843</v>
          </cell>
          <cell r="AT990">
            <v>2000</v>
          </cell>
          <cell r="AU990">
            <v>9</v>
          </cell>
        </row>
        <row r="991">
          <cell r="C991">
            <v>1.4843</v>
          </cell>
          <cell r="AT991">
            <v>2000</v>
          </cell>
          <cell r="AU991">
            <v>9</v>
          </cell>
        </row>
        <row r="992">
          <cell r="C992">
            <v>1.4843</v>
          </cell>
          <cell r="AT992">
            <v>2000</v>
          </cell>
          <cell r="AU992">
            <v>9</v>
          </cell>
        </row>
        <row r="993">
          <cell r="C993">
            <v>1.4891000000000001</v>
          </cell>
          <cell r="AT993">
            <v>2000</v>
          </cell>
          <cell r="AU993">
            <v>9</v>
          </cell>
        </row>
        <row r="994">
          <cell r="C994">
            <v>1.4878</v>
          </cell>
          <cell r="AT994">
            <v>2000</v>
          </cell>
          <cell r="AU994">
            <v>9</v>
          </cell>
        </row>
        <row r="995">
          <cell r="C995">
            <v>1.4830000000000001</v>
          </cell>
          <cell r="AT995">
            <v>2000</v>
          </cell>
          <cell r="AU995">
            <v>9</v>
          </cell>
        </row>
        <row r="996">
          <cell r="C996">
            <v>1.4872000000000001</v>
          </cell>
          <cell r="AT996">
            <v>2000</v>
          </cell>
          <cell r="AU996">
            <v>9</v>
          </cell>
        </row>
        <row r="997">
          <cell r="C997">
            <v>1.4903</v>
          </cell>
          <cell r="AT997">
            <v>2000</v>
          </cell>
          <cell r="AU997">
            <v>9</v>
          </cell>
        </row>
        <row r="998">
          <cell r="C998">
            <v>1.4903</v>
          </cell>
          <cell r="AT998">
            <v>2000</v>
          </cell>
          <cell r="AU998">
            <v>9</v>
          </cell>
        </row>
        <row r="999">
          <cell r="C999">
            <v>1.4903</v>
          </cell>
          <cell r="AT999">
            <v>2000</v>
          </cell>
          <cell r="AU999">
            <v>9</v>
          </cell>
        </row>
        <row r="1000">
          <cell r="C1000">
            <v>1.4888999999999999</v>
          </cell>
          <cell r="AT1000">
            <v>2000</v>
          </cell>
          <cell r="AU1000">
            <v>9</v>
          </cell>
        </row>
        <row r="1001">
          <cell r="C1001">
            <v>1.488</v>
          </cell>
          <cell r="AT1001">
            <v>2000</v>
          </cell>
          <cell r="AU1001">
            <v>9</v>
          </cell>
        </row>
        <row r="1002">
          <cell r="C1002">
            <v>1.4959</v>
          </cell>
          <cell r="AT1002">
            <v>2000</v>
          </cell>
          <cell r="AU1002">
            <v>9</v>
          </cell>
        </row>
        <row r="1003">
          <cell r="C1003">
            <v>1.5029999999999999</v>
          </cell>
          <cell r="AT1003">
            <v>2000</v>
          </cell>
          <cell r="AU1003">
            <v>9</v>
          </cell>
        </row>
        <row r="1004">
          <cell r="C1004">
            <v>1.5069999999999999</v>
          </cell>
          <cell r="AT1004">
            <v>2000</v>
          </cell>
          <cell r="AU1004">
            <v>9</v>
          </cell>
        </row>
        <row r="1005">
          <cell r="C1005">
            <v>1.5069999999999999</v>
          </cell>
          <cell r="AT1005">
            <v>2000</v>
          </cell>
          <cell r="AU1005">
            <v>10</v>
          </cell>
        </row>
        <row r="1006">
          <cell r="C1006">
            <v>1.5069999999999999</v>
          </cell>
          <cell r="AT1006">
            <v>2000</v>
          </cell>
          <cell r="AU1006">
            <v>10</v>
          </cell>
        </row>
        <row r="1007">
          <cell r="C1007">
            <v>1.5101</v>
          </cell>
          <cell r="AT1007">
            <v>2000</v>
          </cell>
          <cell r="AU1007">
            <v>10</v>
          </cell>
        </row>
        <row r="1008">
          <cell r="C1008">
            <v>1.5055000000000001</v>
          </cell>
          <cell r="AT1008">
            <v>2000</v>
          </cell>
          <cell r="AU1008">
            <v>10</v>
          </cell>
        </row>
        <row r="1009">
          <cell r="C1009">
            <v>1.4984999999999999</v>
          </cell>
          <cell r="AT1009">
            <v>2000</v>
          </cell>
          <cell r="AU1009">
            <v>10</v>
          </cell>
        </row>
        <row r="1010">
          <cell r="C1010">
            <v>1.4954000000000001</v>
          </cell>
          <cell r="AT1010">
            <v>2000</v>
          </cell>
          <cell r="AU1010">
            <v>10</v>
          </cell>
        </row>
        <row r="1011">
          <cell r="C1011">
            <v>1.5009999999999999</v>
          </cell>
          <cell r="AT1011">
            <v>2000</v>
          </cell>
          <cell r="AU1011">
            <v>10</v>
          </cell>
        </row>
        <row r="1012">
          <cell r="C1012">
            <v>1.5009999999999999</v>
          </cell>
          <cell r="AT1012">
            <v>2000</v>
          </cell>
          <cell r="AU1012">
            <v>10</v>
          </cell>
        </row>
        <row r="1013">
          <cell r="C1013">
            <v>1.5009999999999999</v>
          </cell>
          <cell r="AT1013">
            <v>2000</v>
          </cell>
          <cell r="AU1013">
            <v>10</v>
          </cell>
        </row>
        <row r="1014">
          <cell r="C1014">
            <v>1.5009999999999999</v>
          </cell>
          <cell r="AT1014">
            <v>2000</v>
          </cell>
          <cell r="AU1014">
            <v>10</v>
          </cell>
        </row>
        <row r="1015">
          <cell r="C1015">
            <v>1.5011000000000001</v>
          </cell>
          <cell r="AT1015">
            <v>2000</v>
          </cell>
          <cell r="AU1015">
            <v>10</v>
          </cell>
        </row>
        <row r="1016">
          <cell r="C1016">
            <v>1.5042</v>
          </cell>
          <cell r="AT1016">
            <v>2000</v>
          </cell>
          <cell r="AU1016">
            <v>10</v>
          </cell>
        </row>
        <row r="1017">
          <cell r="C1017">
            <v>1.5084</v>
          </cell>
          <cell r="AT1017">
            <v>2000</v>
          </cell>
          <cell r="AU1017">
            <v>10</v>
          </cell>
        </row>
        <row r="1018">
          <cell r="C1018">
            <v>1.5133000000000001</v>
          </cell>
          <cell r="AT1018">
            <v>2000</v>
          </cell>
          <cell r="AU1018">
            <v>10</v>
          </cell>
        </row>
        <row r="1019">
          <cell r="C1019">
            <v>1.5133000000000001</v>
          </cell>
          <cell r="AT1019">
            <v>2000</v>
          </cell>
          <cell r="AU1019">
            <v>10</v>
          </cell>
        </row>
        <row r="1020">
          <cell r="C1020">
            <v>1.5133000000000001</v>
          </cell>
          <cell r="AT1020">
            <v>2000</v>
          </cell>
          <cell r="AU1020">
            <v>10</v>
          </cell>
        </row>
        <row r="1021">
          <cell r="C1021">
            <v>1.5190999999999999</v>
          </cell>
          <cell r="AT1021">
            <v>2000</v>
          </cell>
          <cell r="AU1021">
            <v>10</v>
          </cell>
        </row>
        <row r="1022">
          <cell r="C1022">
            <v>1.5187999999999999</v>
          </cell>
          <cell r="AT1022">
            <v>2000</v>
          </cell>
          <cell r="AU1022">
            <v>10</v>
          </cell>
        </row>
        <row r="1023">
          <cell r="C1023">
            <v>1.52</v>
          </cell>
          <cell r="AT1023">
            <v>2000</v>
          </cell>
          <cell r="AU1023">
            <v>10</v>
          </cell>
        </row>
        <row r="1024">
          <cell r="C1024">
            <v>1.5108999999999999</v>
          </cell>
          <cell r="AT1024">
            <v>2000</v>
          </cell>
          <cell r="AU1024">
            <v>10</v>
          </cell>
        </row>
        <row r="1025">
          <cell r="C1025">
            <v>1.5128999999999999</v>
          </cell>
          <cell r="AT1025">
            <v>2000</v>
          </cell>
          <cell r="AU1025">
            <v>10</v>
          </cell>
        </row>
        <row r="1026">
          <cell r="C1026">
            <v>1.5128999999999999</v>
          </cell>
          <cell r="AT1026">
            <v>2000</v>
          </cell>
          <cell r="AU1026">
            <v>10</v>
          </cell>
        </row>
        <row r="1027">
          <cell r="C1027">
            <v>1.5128999999999999</v>
          </cell>
          <cell r="AT1027">
            <v>2000</v>
          </cell>
          <cell r="AU1027">
            <v>10</v>
          </cell>
        </row>
        <row r="1028">
          <cell r="C1028">
            <v>1.5083</v>
          </cell>
          <cell r="AT1028">
            <v>2000</v>
          </cell>
          <cell r="AU1028">
            <v>10</v>
          </cell>
        </row>
        <row r="1029">
          <cell r="C1029">
            <v>1.5115000000000001</v>
          </cell>
          <cell r="AT1029">
            <v>2000</v>
          </cell>
          <cell r="AU1029">
            <v>10</v>
          </cell>
        </row>
        <row r="1030">
          <cell r="C1030">
            <v>1.5154000000000001</v>
          </cell>
          <cell r="AT1030">
            <v>2000</v>
          </cell>
          <cell r="AU1030">
            <v>10</v>
          </cell>
        </row>
        <row r="1031">
          <cell r="C1031">
            <v>1.5185</v>
          </cell>
          <cell r="AT1031">
            <v>2000</v>
          </cell>
          <cell r="AU1031">
            <v>10</v>
          </cell>
        </row>
        <row r="1032">
          <cell r="C1032">
            <v>1.5271999999999999</v>
          </cell>
          <cell r="AT1032">
            <v>2000</v>
          </cell>
          <cell r="AU1032">
            <v>10</v>
          </cell>
        </row>
        <row r="1033">
          <cell r="C1033">
            <v>1.5271999999999999</v>
          </cell>
          <cell r="AT1033">
            <v>2000</v>
          </cell>
          <cell r="AU1033">
            <v>10</v>
          </cell>
        </row>
        <row r="1034">
          <cell r="C1034">
            <v>1.5271999999999999</v>
          </cell>
          <cell r="AT1034">
            <v>2000</v>
          </cell>
          <cell r="AU1034">
            <v>10</v>
          </cell>
        </row>
        <row r="1035">
          <cell r="C1035">
            <v>1.5309999999999999</v>
          </cell>
          <cell r="AT1035">
            <v>2000</v>
          </cell>
          <cell r="AU1035">
            <v>10</v>
          </cell>
        </row>
        <row r="1036">
          <cell r="C1036">
            <v>1.5270999999999999</v>
          </cell>
          <cell r="AT1036">
            <v>2000</v>
          </cell>
          <cell r="AU1036">
            <v>11</v>
          </cell>
        </row>
        <row r="1037">
          <cell r="C1037">
            <v>1.5265</v>
          </cell>
          <cell r="AT1037">
            <v>2000</v>
          </cell>
          <cell r="AU1037">
            <v>11</v>
          </cell>
        </row>
        <row r="1038">
          <cell r="C1038">
            <v>1.5330999999999999</v>
          </cell>
          <cell r="AT1038">
            <v>2000</v>
          </cell>
          <cell r="AU1038">
            <v>11</v>
          </cell>
        </row>
        <row r="1039">
          <cell r="C1039">
            <v>1.5341</v>
          </cell>
          <cell r="AT1039">
            <v>2000</v>
          </cell>
          <cell r="AU1039">
            <v>11</v>
          </cell>
        </row>
        <row r="1040">
          <cell r="C1040">
            <v>1.5341</v>
          </cell>
          <cell r="AT1040">
            <v>2000</v>
          </cell>
          <cell r="AU1040">
            <v>11</v>
          </cell>
        </row>
        <row r="1041">
          <cell r="C1041">
            <v>1.5341</v>
          </cell>
          <cell r="AT1041">
            <v>2000</v>
          </cell>
          <cell r="AU1041">
            <v>11</v>
          </cell>
        </row>
        <row r="1042">
          <cell r="C1042">
            <v>1.5298</v>
          </cell>
          <cell r="AT1042">
            <v>2000</v>
          </cell>
          <cell r="AU1042">
            <v>11</v>
          </cell>
        </row>
        <row r="1043">
          <cell r="C1043">
            <v>1.5316000000000001</v>
          </cell>
          <cell r="AT1043">
            <v>2000</v>
          </cell>
          <cell r="AU1043">
            <v>11</v>
          </cell>
        </row>
        <row r="1044">
          <cell r="C1044">
            <v>1.5427</v>
          </cell>
          <cell r="AT1044">
            <v>2000</v>
          </cell>
          <cell r="AU1044">
            <v>11</v>
          </cell>
        </row>
        <row r="1045">
          <cell r="C1045">
            <v>1.5454000000000001</v>
          </cell>
          <cell r="AT1045">
            <v>2000</v>
          </cell>
          <cell r="AU1045">
            <v>11</v>
          </cell>
        </row>
        <row r="1046">
          <cell r="C1046">
            <v>1.5455000000000001</v>
          </cell>
          <cell r="AT1046">
            <v>2000</v>
          </cell>
          <cell r="AU1046">
            <v>11</v>
          </cell>
        </row>
        <row r="1047">
          <cell r="C1047">
            <v>1.5455000000000001</v>
          </cell>
          <cell r="AT1047">
            <v>2000</v>
          </cell>
          <cell r="AU1047">
            <v>11</v>
          </cell>
        </row>
        <row r="1048">
          <cell r="C1048">
            <v>1.5455000000000001</v>
          </cell>
          <cell r="AT1048">
            <v>2000</v>
          </cell>
          <cell r="AU1048">
            <v>11</v>
          </cell>
        </row>
        <row r="1049">
          <cell r="C1049">
            <v>1.5455000000000001</v>
          </cell>
          <cell r="AT1049">
            <v>2000</v>
          </cell>
          <cell r="AU1049">
            <v>11</v>
          </cell>
        </row>
        <row r="1050">
          <cell r="C1050">
            <v>1.5446</v>
          </cell>
          <cell r="AT1050">
            <v>2000</v>
          </cell>
          <cell r="AU1050">
            <v>11</v>
          </cell>
        </row>
        <row r="1051">
          <cell r="C1051">
            <v>1.5507</v>
          </cell>
          <cell r="AT1051">
            <v>2000</v>
          </cell>
          <cell r="AU1051">
            <v>11</v>
          </cell>
        </row>
        <row r="1052">
          <cell r="C1052">
            <v>1.5523</v>
          </cell>
          <cell r="AT1052">
            <v>2000</v>
          </cell>
          <cell r="AU1052">
            <v>11</v>
          </cell>
        </row>
        <row r="1053">
          <cell r="C1053">
            <v>1.5592999999999999</v>
          </cell>
          <cell r="AT1053">
            <v>2000</v>
          </cell>
          <cell r="AU1053">
            <v>11</v>
          </cell>
        </row>
        <row r="1054">
          <cell r="C1054">
            <v>1.5592999999999999</v>
          </cell>
          <cell r="AT1054">
            <v>2000</v>
          </cell>
          <cell r="AU1054">
            <v>11</v>
          </cell>
        </row>
        <row r="1055">
          <cell r="C1055">
            <v>1.5592999999999999</v>
          </cell>
          <cell r="AT1055">
            <v>2000</v>
          </cell>
          <cell r="AU1055">
            <v>11</v>
          </cell>
        </row>
        <row r="1056">
          <cell r="C1056">
            <v>1.5589</v>
          </cell>
          <cell r="AT1056">
            <v>2000</v>
          </cell>
          <cell r="AU1056">
            <v>11</v>
          </cell>
        </row>
        <row r="1057">
          <cell r="C1057">
            <v>1.5547</v>
          </cell>
          <cell r="AT1057">
            <v>2000</v>
          </cell>
          <cell r="AU1057">
            <v>11</v>
          </cell>
        </row>
        <row r="1058">
          <cell r="C1058">
            <v>1.5476000000000001</v>
          </cell>
          <cell r="AT1058">
            <v>2000</v>
          </cell>
          <cell r="AU1058">
            <v>11</v>
          </cell>
        </row>
        <row r="1059">
          <cell r="C1059">
            <v>1.5431999999999999</v>
          </cell>
          <cell r="AT1059">
            <v>2000</v>
          </cell>
          <cell r="AU1059">
            <v>11</v>
          </cell>
        </row>
        <row r="1060">
          <cell r="C1060">
            <v>1.5391999999999999</v>
          </cell>
          <cell r="AT1060">
            <v>2000</v>
          </cell>
          <cell r="AU1060">
            <v>11</v>
          </cell>
        </row>
        <row r="1061">
          <cell r="C1061">
            <v>1.5391999999999999</v>
          </cell>
          <cell r="AT1061">
            <v>2000</v>
          </cell>
          <cell r="AU1061">
            <v>11</v>
          </cell>
        </row>
        <row r="1062">
          <cell r="C1062">
            <v>1.5391999999999999</v>
          </cell>
          <cell r="AT1062">
            <v>2000</v>
          </cell>
          <cell r="AU1062">
            <v>11</v>
          </cell>
        </row>
        <row r="1063">
          <cell r="C1063">
            <v>1.5346</v>
          </cell>
          <cell r="AT1063">
            <v>2000</v>
          </cell>
          <cell r="AU1063">
            <v>11</v>
          </cell>
        </row>
        <row r="1064">
          <cell r="C1064">
            <v>1.5368999999999999</v>
          </cell>
          <cell r="AT1064">
            <v>2000</v>
          </cell>
          <cell r="AU1064">
            <v>11</v>
          </cell>
        </row>
        <row r="1065">
          <cell r="C1065">
            <v>1.5404</v>
          </cell>
          <cell r="AT1065">
            <v>2000</v>
          </cell>
          <cell r="AU1065">
            <v>11</v>
          </cell>
        </row>
        <row r="1066">
          <cell r="C1066">
            <v>1.5356000000000001</v>
          </cell>
          <cell r="AT1066">
            <v>2000</v>
          </cell>
          <cell r="AU1066">
            <v>12</v>
          </cell>
        </row>
        <row r="1067">
          <cell r="C1067">
            <v>1.5387</v>
          </cell>
          <cell r="AT1067">
            <v>2000</v>
          </cell>
          <cell r="AU1067">
            <v>12</v>
          </cell>
        </row>
        <row r="1068">
          <cell r="C1068">
            <v>1.5387</v>
          </cell>
          <cell r="AT1068">
            <v>2000</v>
          </cell>
          <cell r="AU1068">
            <v>12</v>
          </cell>
        </row>
        <row r="1069">
          <cell r="C1069">
            <v>1.5387</v>
          </cell>
          <cell r="AT1069">
            <v>2000</v>
          </cell>
          <cell r="AU1069">
            <v>12</v>
          </cell>
        </row>
        <row r="1070">
          <cell r="C1070">
            <v>1.5458000000000001</v>
          </cell>
          <cell r="AT1070">
            <v>2000</v>
          </cell>
          <cell r="AU1070">
            <v>12</v>
          </cell>
        </row>
        <row r="1071">
          <cell r="C1071">
            <v>1.5435000000000001</v>
          </cell>
          <cell r="AT1071">
            <v>2000</v>
          </cell>
          <cell r="AU1071">
            <v>12</v>
          </cell>
        </row>
        <row r="1072">
          <cell r="C1072">
            <v>1.5321</v>
          </cell>
          <cell r="AT1072">
            <v>2000</v>
          </cell>
          <cell r="AU1072">
            <v>12</v>
          </cell>
        </row>
        <row r="1073">
          <cell r="C1073">
            <v>1.5224</v>
          </cell>
          <cell r="AT1073">
            <v>2000</v>
          </cell>
          <cell r="AU1073">
            <v>12</v>
          </cell>
        </row>
        <row r="1074">
          <cell r="C1074">
            <v>1.5193000000000001</v>
          </cell>
          <cell r="AT1074">
            <v>2000</v>
          </cell>
          <cell r="AU1074">
            <v>12</v>
          </cell>
        </row>
        <row r="1075">
          <cell r="C1075">
            <v>1.5193000000000001</v>
          </cell>
          <cell r="AT1075">
            <v>2000</v>
          </cell>
          <cell r="AU1075">
            <v>12</v>
          </cell>
        </row>
        <row r="1076">
          <cell r="C1076">
            <v>1.5193000000000001</v>
          </cell>
          <cell r="AT1076">
            <v>2000</v>
          </cell>
          <cell r="AU1076">
            <v>12</v>
          </cell>
        </row>
        <row r="1077">
          <cell r="C1077">
            <v>1.5222</v>
          </cell>
          <cell r="AT1077">
            <v>2000</v>
          </cell>
          <cell r="AU1077">
            <v>12</v>
          </cell>
        </row>
        <row r="1078">
          <cell r="C1078">
            <v>1.5246999999999999</v>
          </cell>
          <cell r="AT1078">
            <v>2000</v>
          </cell>
          <cell r="AU1078">
            <v>12</v>
          </cell>
        </row>
        <row r="1079">
          <cell r="C1079">
            <v>1.5206999999999999</v>
          </cell>
          <cell r="AT1079">
            <v>2000</v>
          </cell>
          <cell r="AU1079">
            <v>12</v>
          </cell>
        </row>
        <row r="1080">
          <cell r="C1080">
            <v>1.5168999999999999</v>
          </cell>
          <cell r="AT1080">
            <v>2000</v>
          </cell>
          <cell r="AU1080">
            <v>12</v>
          </cell>
        </row>
        <row r="1081">
          <cell r="C1081">
            <v>1.5176000000000001</v>
          </cell>
          <cell r="AT1081">
            <v>2000</v>
          </cell>
          <cell r="AU1081">
            <v>12</v>
          </cell>
        </row>
        <row r="1082">
          <cell r="C1082">
            <v>1.5176000000000001</v>
          </cell>
          <cell r="AT1082">
            <v>2000</v>
          </cell>
          <cell r="AU1082">
            <v>12</v>
          </cell>
        </row>
        <row r="1083">
          <cell r="C1083">
            <v>1.5176000000000001</v>
          </cell>
          <cell r="AT1083">
            <v>2000</v>
          </cell>
          <cell r="AU1083">
            <v>12</v>
          </cell>
        </row>
        <row r="1084">
          <cell r="C1084">
            <v>1.5254000000000001</v>
          </cell>
          <cell r="AT1084">
            <v>2000</v>
          </cell>
          <cell r="AU1084">
            <v>12</v>
          </cell>
        </row>
        <row r="1085">
          <cell r="C1085">
            <v>1.5217000000000001</v>
          </cell>
          <cell r="AT1085">
            <v>2000</v>
          </cell>
          <cell r="AU1085">
            <v>12</v>
          </cell>
        </row>
        <row r="1086">
          <cell r="C1086">
            <v>1.5219</v>
          </cell>
          <cell r="AT1086">
            <v>2000</v>
          </cell>
          <cell r="AU1086">
            <v>12</v>
          </cell>
        </row>
        <row r="1087">
          <cell r="C1087">
            <v>1.5185</v>
          </cell>
          <cell r="AT1087">
            <v>2000</v>
          </cell>
          <cell r="AU1087">
            <v>12</v>
          </cell>
        </row>
        <row r="1088">
          <cell r="C1088">
            <v>1.5166999999999999</v>
          </cell>
          <cell r="AT1088">
            <v>2000</v>
          </cell>
          <cell r="AU1088">
            <v>12</v>
          </cell>
        </row>
        <row r="1089">
          <cell r="C1089">
            <v>1.5166999999999999</v>
          </cell>
          <cell r="AT1089">
            <v>2000</v>
          </cell>
          <cell r="AU1089">
            <v>12</v>
          </cell>
        </row>
        <row r="1090">
          <cell r="C1090">
            <v>1.5166999999999999</v>
          </cell>
          <cell r="AT1090">
            <v>2000</v>
          </cell>
          <cell r="AU1090">
            <v>12</v>
          </cell>
        </row>
        <row r="1091">
          <cell r="C1091">
            <v>1.5166999999999999</v>
          </cell>
          <cell r="AT1091">
            <v>2000</v>
          </cell>
          <cell r="AU1091">
            <v>12</v>
          </cell>
        </row>
        <row r="1092">
          <cell r="C1092">
            <v>1.5166999999999999</v>
          </cell>
          <cell r="AT1092">
            <v>2000</v>
          </cell>
          <cell r="AU1092">
            <v>12</v>
          </cell>
        </row>
        <row r="1093">
          <cell r="C1093">
            <v>1.5108999999999999</v>
          </cell>
          <cell r="AT1093">
            <v>2000</v>
          </cell>
          <cell r="AU1093">
            <v>12</v>
          </cell>
        </row>
        <row r="1094">
          <cell r="C1094">
            <v>1.5071000000000001</v>
          </cell>
          <cell r="AT1094">
            <v>2000</v>
          </cell>
          <cell r="AU1094">
            <v>12</v>
          </cell>
        </row>
        <row r="1095">
          <cell r="C1095">
            <v>1.5002</v>
          </cell>
          <cell r="AT1095">
            <v>2000</v>
          </cell>
          <cell r="AU1095">
            <v>12</v>
          </cell>
        </row>
        <row r="1096">
          <cell r="C1096">
            <v>1.5002</v>
          </cell>
          <cell r="AT1096">
            <v>2000</v>
          </cell>
          <cell r="AU1096">
            <v>12</v>
          </cell>
        </row>
        <row r="1097">
          <cell r="C1097">
            <v>1.5002</v>
          </cell>
          <cell r="AT1097">
            <v>2001</v>
          </cell>
          <cell r="AU1097">
            <v>1</v>
          </cell>
        </row>
        <row r="1098">
          <cell r="C1098">
            <v>1.5002</v>
          </cell>
          <cell r="AT1098">
            <v>2001</v>
          </cell>
          <cell r="AU1098">
            <v>1</v>
          </cell>
        </row>
        <row r="1099">
          <cell r="C1099">
            <v>1.4963</v>
          </cell>
          <cell r="AT1099">
            <v>2001</v>
          </cell>
          <cell r="AU1099">
            <v>1</v>
          </cell>
        </row>
        <row r="1100">
          <cell r="C1100">
            <v>1.4978</v>
          </cell>
          <cell r="AT1100">
            <v>2001</v>
          </cell>
          <cell r="AU1100">
            <v>1</v>
          </cell>
        </row>
        <row r="1101">
          <cell r="C1101">
            <v>1.4983</v>
          </cell>
          <cell r="AT1101">
            <v>2001</v>
          </cell>
          <cell r="AU1101">
            <v>1</v>
          </cell>
        </row>
        <row r="1102">
          <cell r="C1102">
            <v>1.5002</v>
          </cell>
          <cell r="AT1102">
            <v>2001</v>
          </cell>
          <cell r="AU1102">
            <v>1</v>
          </cell>
        </row>
        <row r="1103">
          <cell r="C1103">
            <v>1.5002</v>
          </cell>
          <cell r="AT1103">
            <v>2001</v>
          </cell>
          <cell r="AU1103">
            <v>1</v>
          </cell>
        </row>
        <row r="1104">
          <cell r="C1104">
            <v>1.5002</v>
          </cell>
          <cell r="AT1104">
            <v>2001</v>
          </cell>
          <cell r="AU1104">
            <v>1</v>
          </cell>
        </row>
        <row r="1105">
          <cell r="C1105">
            <v>1.4947999999999999</v>
          </cell>
          <cell r="AT1105">
            <v>2001</v>
          </cell>
          <cell r="AU1105">
            <v>1</v>
          </cell>
        </row>
        <row r="1106">
          <cell r="C1106">
            <v>1.4974000000000001</v>
          </cell>
          <cell r="AT1106">
            <v>2001</v>
          </cell>
          <cell r="AU1106">
            <v>1</v>
          </cell>
        </row>
        <row r="1107">
          <cell r="C1107">
            <v>1.5001</v>
          </cell>
          <cell r="AT1107">
            <v>2001</v>
          </cell>
          <cell r="AU1107">
            <v>1</v>
          </cell>
        </row>
        <row r="1108">
          <cell r="C1108">
            <v>1.4976</v>
          </cell>
          <cell r="AT1108">
            <v>2001</v>
          </cell>
          <cell r="AU1108">
            <v>1</v>
          </cell>
        </row>
        <row r="1109">
          <cell r="C1109">
            <v>1.4965999999999999</v>
          </cell>
          <cell r="AT1109">
            <v>2001</v>
          </cell>
          <cell r="AU1109">
            <v>1</v>
          </cell>
        </row>
        <row r="1110">
          <cell r="C1110">
            <v>1.4965999999999999</v>
          </cell>
          <cell r="AT1110">
            <v>2001</v>
          </cell>
          <cell r="AU1110">
            <v>1</v>
          </cell>
        </row>
        <row r="1111">
          <cell r="C1111">
            <v>1.4965999999999999</v>
          </cell>
          <cell r="AT1111">
            <v>2001</v>
          </cell>
          <cell r="AU1111">
            <v>1</v>
          </cell>
        </row>
        <row r="1112">
          <cell r="C1112">
            <v>1.5044999999999999</v>
          </cell>
          <cell r="AT1112">
            <v>2001</v>
          </cell>
          <cell r="AU1112">
            <v>1</v>
          </cell>
        </row>
        <row r="1113">
          <cell r="C1113">
            <v>1.5044</v>
          </cell>
          <cell r="AT1113">
            <v>2001</v>
          </cell>
          <cell r="AU1113">
            <v>1</v>
          </cell>
        </row>
        <row r="1114">
          <cell r="C1114">
            <v>1.5121</v>
          </cell>
          <cell r="AT1114">
            <v>2001</v>
          </cell>
          <cell r="AU1114">
            <v>1</v>
          </cell>
        </row>
        <row r="1115">
          <cell r="C1115">
            <v>1.516</v>
          </cell>
          <cell r="AT1115">
            <v>2001</v>
          </cell>
          <cell r="AU1115">
            <v>1</v>
          </cell>
        </row>
        <row r="1116">
          <cell r="C1116">
            <v>1.5144</v>
          </cell>
          <cell r="AT1116">
            <v>2001</v>
          </cell>
          <cell r="AU1116">
            <v>1</v>
          </cell>
        </row>
        <row r="1117">
          <cell r="C1117">
            <v>1.5144</v>
          </cell>
          <cell r="AT1117">
            <v>2001</v>
          </cell>
          <cell r="AU1117">
            <v>1</v>
          </cell>
        </row>
        <row r="1118">
          <cell r="C1118">
            <v>1.5144</v>
          </cell>
          <cell r="AT1118">
            <v>2001</v>
          </cell>
          <cell r="AU1118">
            <v>1</v>
          </cell>
        </row>
        <row r="1119">
          <cell r="C1119">
            <v>1.5065999999999999</v>
          </cell>
          <cell r="AT1119">
            <v>2001</v>
          </cell>
          <cell r="AU1119">
            <v>1</v>
          </cell>
        </row>
        <row r="1120">
          <cell r="C1120">
            <v>1.5065999999999999</v>
          </cell>
          <cell r="AT1120">
            <v>2001</v>
          </cell>
          <cell r="AU1120">
            <v>1</v>
          </cell>
        </row>
        <row r="1121">
          <cell r="C1121">
            <v>1.5124</v>
          </cell>
          <cell r="AT1121">
            <v>2001</v>
          </cell>
          <cell r="AU1121">
            <v>1</v>
          </cell>
        </row>
        <row r="1122">
          <cell r="C1122">
            <v>1.5076000000000001</v>
          </cell>
          <cell r="AT1122">
            <v>2001</v>
          </cell>
          <cell r="AU1122">
            <v>1</v>
          </cell>
        </row>
        <row r="1123">
          <cell r="C1123">
            <v>1.5063</v>
          </cell>
          <cell r="AT1123">
            <v>2001</v>
          </cell>
          <cell r="AU1123">
            <v>1</v>
          </cell>
        </row>
        <row r="1124">
          <cell r="C1124">
            <v>1.5063</v>
          </cell>
          <cell r="AT1124">
            <v>2001</v>
          </cell>
          <cell r="AU1124">
            <v>1</v>
          </cell>
        </row>
        <row r="1125">
          <cell r="C1125">
            <v>1.5063</v>
          </cell>
          <cell r="AT1125">
            <v>2001</v>
          </cell>
          <cell r="AU1125">
            <v>1</v>
          </cell>
        </row>
        <row r="1126">
          <cell r="C1126">
            <v>1.5008999999999999</v>
          </cell>
          <cell r="AT1126">
            <v>2001</v>
          </cell>
          <cell r="AU1126">
            <v>1</v>
          </cell>
        </row>
        <row r="1127">
          <cell r="C1127">
            <v>1.4984999999999999</v>
          </cell>
          <cell r="AT1127">
            <v>2001</v>
          </cell>
          <cell r="AU1127">
            <v>1</v>
          </cell>
        </row>
        <row r="1128">
          <cell r="C1128">
            <v>1.5</v>
          </cell>
          <cell r="AT1128">
            <v>2001</v>
          </cell>
          <cell r="AU1128">
            <v>2</v>
          </cell>
        </row>
        <row r="1129">
          <cell r="C1129">
            <v>1.4948999999999999</v>
          </cell>
          <cell r="AT1129">
            <v>2001</v>
          </cell>
          <cell r="AU1129">
            <v>2</v>
          </cell>
        </row>
        <row r="1130">
          <cell r="C1130">
            <v>1.4936</v>
          </cell>
          <cell r="AT1130">
            <v>2001</v>
          </cell>
          <cell r="AU1130">
            <v>2</v>
          </cell>
        </row>
        <row r="1131">
          <cell r="C1131">
            <v>1.4936</v>
          </cell>
          <cell r="AT1131">
            <v>2001</v>
          </cell>
          <cell r="AU1131">
            <v>2</v>
          </cell>
        </row>
        <row r="1132">
          <cell r="C1132">
            <v>1.4936</v>
          </cell>
          <cell r="AT1132">
            <v>2001</v>
          </cell>
          <cell r="AU1132">
            <v>2</v>
          </cell>
        </row>
        <row r="1133">
          <cell r="C1133">
            <v>1.5045999999999999</v>
          </cell>
          <cell r="AT1133">
            <v>2001</v>
          </cell>
          <cell r="AU1133">
            <v>2</v>
          </cell>
        </row>
        <row r="1134">
          <cell r="C1134">
            <v>1.5079</v>
          </cell>
          <cell r="AT1134">
            <v>2001</v>
          </cell>
          <cell r="AU1134">
            <v>2</v>
          </cell>
        </row>
        <row r="1135">
          <cell r="C1135">
            <v>1.5096000000000001</v>
          </cell>
          <cell r="AT1135">
            <v>2001</v>
          </cell>
          <cell r="AU1135">
            <v>2</v>
          </cell>
        </row>
        <row r="1136">
          <cell r="C1136">
            <v>1.5112000000000001</v>
          </cell>
          <cell r="AT1136">
            <v>2001</v>
          </cell>
          <cell r="AU1136">
            <v>2</v>
          </cell>
        </row>
        <row r="1137">
          <cell r="C1137">
            <v>1.5083</v>
          </cell>
          <cell r="AT1137">
            <v>2001</v>
          </cell>
          <cell r="AU1137">
            <v>2</v>
          </cell>
        </row>
        <row r="1138">
          <cell r="C1138">
            <v>1.5083</v>
          </cell>
          <cell r="AT1138">
            <v>2001</v>
          </cell>
          <cell r="AU1138">
            <v>2</v>
          </cell>
        </row>
        <row r="1139">
          <cell r="C1139">
            <v>1.5083</v>
          </cell>
          <cell r="AT1139">
            <v>2001</v>
          </cell>
          <cell r="AU1139">
            <v>2</v>
          </cell>
        </row>
        <row r="1140">
          <cell r="C1140">
            <v>1.5193000000000001</v>
          </cell>
          <cell r="AT1140">
            <v>2001</v>
          </cell>
          <cell r="AU1140">
            <v>2</v>
          </cell>
        </row>
        <row r="1141">
          <cell r="C1141">
            <v>1.5212000000000001</v>
          </cell>
          <cell r="AT1141">
            <v>2001</v>
          </cell>
          <cell r="AU1141">
            <v>2</v>
          </cell>
        </row>
        <row r="1142">
          <cell r="C1142">
            <v>1.5254000000000001</v>
          </cell>
          <cell r="AT1142">
            <v>2001</v>
          </cell>
          <cell r="AU1142">
            <v>2</v>
          </cell>
        </row>
        <row r="1143">
          <cell r="C1143">
            <v>1.5276000000000001</v>
          </cell>
          <cell r="AT1143">
            <v>2001</v>
          </cell>
          <cell r="AU1143">
            <v>2</v>
          </cell>
        </row>
        <row r="1144">
          <cell r="C1144">
            <v>1.5367999999999999</v>
          </cell>
          <cell r="AT1144">
            <v>2001</v>
          </cell>
          <cell r="AU1144">
            <v>2</v>
          </cell>
        </row>
        <row r="1145">
          <cell r="C1145">
            <v>1.5367999999999999</v>
          </cell>
          <cell r="AT1145">
            <v>2001</v>
          </cell>
          <cell r="AU1145">
            <v>2</v>
          </cell>
        </row>
        <row r="1146">
          <cell r="C1146">
            <v>1.5367999999999999</v>
          </cell>
          <cell r="AT1146">
            <v>2001</v>
          </cell>
          <cell r="AU1146">
            <v>2</v>
          </cell>
        </row>
        <row r="1147">
          <cell r="C1147">
            <v>1.5359</v>
          </cell>
          <cell r="AT1147">
            <v>2001</v>
          </cell>
          <cell r="AU1147">
            <v>2</v>
          </cell>
        </row>
        <row r="1148">
          <cell r="C1148">
            <v>1.5391999999999999</v>
          </cell>
          <cell r="AT1148">
            <v>2001</v>
          </cell>
          <cell r="AU1148">
            <v>2</v>
          </cell>
        </row>
        <row r="1149">
          <cell r="C1149">
            <v>1.5366</v>
          </cell>
          <cell r="AT1149">
            <v>2001</v>
          </cell>
          <cell r="AU1149">
            <v>2</v>
          </cell>
        </row>
        <row r="1150">
          <cell r="C1150">
            <v>1.538</v>
          </cell>
          <cell r="AT1150">
            <v>2001</v>
          </cell>
          <cell r="AU1150">
            <v>2</v>
          </cell>
        </row>
        <row r="1151">
          <cell r="C1151">
            <v>1.5374000000000001</v>
          </cell>
          <cell r="AT1151">
            <v>2001</v>
          </cell>
          <cell r="AU1151">
            <v>2</v>
          </cell>
        </row>
        <row r="1152">
          <cell r="C1152">
            <v>1.5374000000000001</v>
          </cell>
          <cell r="AT1152">
            <v>2001</v>
          </cell>
          <cell r="AU1152">
            <v>2</v>
          </cell>
        </row>
        <row r="1153">
          <cell r="C1153">
            <v>1.5374000000000001</v>
          </cell>
          <cell r="AT1153">
            <v>2001</v>
          </cell>
          <cell r="AU1153">
            <v>2</v>
          </cell>
        </row>
        <row r="1154">
          <cell r="C1154">
            <v>1.5313000000000001</v>
          </cell>
          <cell r="AT1154">
            <v>2001</v>
          </cell>
          <cell r="AU1154">
            <v>2</v>
          </cell>
        </row>
        <row r="1155">
          <cell r="C1155">
            <v>1.5259</v>
          </cell>
          <cell r="AT1155">
            <v>2001</v>
          </cell>
          <cell r="AU1155">
            <v>2</v>
          </cell>
        </row>
        <row r="1156">
          <cell r="C1156">
            <v>1.5316000000000001</v>
          </cell>
          <cell r="AT1156">
            <v>2001</v>
          </cell>
          <cell r="AU1156">
            <v>3</v>
          </cell>
        </row>
        <row r="1157">
          <cell r="C1157">
            <v>1.5458000000000001</v>
          </cell>
          <cell r="AT1157">
            <v>2001</v>
          </cell>
          <cell r="AU1157">
            <v>3</v>
          </cell>
        </row>
        <row r="1158">
          <cell r="C1158">
            <v>1.5484</v>
          </cell>
          <cell r="AT1158">
            <v>2001</v>
          </cell>
          <cell r="AU1158">
            <v>3</v>
          </cell>
        </row>
        <row r="1159">
          <cell r="C1159">
            <v>1.5484</v>
          </cell>
          <cell r="AT1159">
            <v>2001</v>
          </cell>
          <cell r="AU1159">
            <v>3</v>
          </cell>
        </row>
        <row r="1160">
          <cell r="C1160">
            <v>1.5484</v>
          </cell>
          <cell r="AT1160">
            <v>2001</v>
          </cell>
          <cell r="AU1160">
            <v>3</v>
          </cell>
        </row>
        <row r="1161">
          <cell r="C1161">
            <v>1.5472999999999999</v>
          </cell>
          <cell r="AT1161">
            <v>2001</v>
          </cell>
          <cell r="AU1161">
            <v>3</v>
          </cell>
        </row>
        <row r="1162">
          <cell r="C1162">
            <v>1.538</v>
          </cell>
          <cell r="AT1162">
            <v>2001</v>
          </cell>
          <cell r="AU1162">
            <v>3</v>
          </cell>
        </row>
        <row r="1163">
          <cell r="C1163">
            <v>1.5489999999999999</v>
          </cell>
          <cell r="AT1163">
            <v>2001</v>
          </cell>
          <cell r="AU1163">
            <v>3</v>
          </cell>
        </row>
        <row r="1164">
          <cell r="C1164">
            <v>1.5491999999999999</v>
          </cell>
          <cell r="AT1164">
            <v>2001</v>
          </cell>
          <cell r="AU1164">
            <v>3</v>
          </cell>
        </row>
        <row r="1165">
          <cell r="C1165">
            <v>1.5483</v>
          </cell>
          <cell r="AT1165">
            <v>2001</v>
          </cell>
          <cell r="AU1165">
            <v>3</v>
          </cell>
        </row>
        <row r="1166">
          <cell r="C1166">
            <v>1.5483</v>
          </cell>
          <cell r="AT1166">
            <v>2001</v>
          </cell>
          <cell r="AU1166">
            <v>3</v>
          </cell>
        </row>
        <row r="1167">
          <cell r="C1167">
            <v>1.5483</v>
          </cell>
          <cell r="AT1167">
            <v>2001</v>
          </cell>
          <cell r="AU1167">
            <v>3</v>
          </cell>
        </row>
        <row r="1168">
          <cell r="C1168">
            <v>1.5508</v>
          </cell>
          <cell r="AT1168">
            <v>2001</v>
          </cell>
          <cell r="AU1168">
            <v>3</v>
          </cell>
        </row>
        <row r="1169">
          <cell r="C1169">
            <v>1.5470999999999999</v>
          </cell>
          <cell r="AT1169">
            <v>2001</v>
          </cell>
          <cell r="AU1169">
            <v>3</v>
          </cell>
        </row>
        <row r="1170">
          <cell r="C1170">
            <v>1.5532999999999999</v>
          </cell>
          <cell r="AT1170">
            <v>2001</v>
          </cell>
          <cell r="AU1170">
            <v>3</v>
          </cell>
        </row>
        <row r="1171">
          <cell r="C1171">
            <v>1.5596000000000001</v>
          </cell>
          <cell r="AT1171">
            <v>2001</v>
          </cell>
          <cell r="AU1171">
            <v>3</v>
          </cell>
        </row>
        <row r="1172">
          <cell r="C1172">
            <v>1.5669999999999999</v>
          </cell>
          <cell r="AT1172">
            <v>2001</v>
          </cell>
          <cell r="AU1172">
            <v>3</v>
          </cell>
        </row>
        <row r="1173">
          <cell r="C1173">
            <v>1.5669999999999999</v>
          </cell>
          <cell r="AT1173">
            <v>2001</v>
          </cell>
          <cell r="AU1173">
            <v>3</v>
          </cell>
        </row>
        <row r="1174">
          <cell r="C1174">
            <v>1.5669999999999999</v>
          </cell>
          <cell r="AT1174">
            <v>2001</v>
          </cell>
          <cell r="AU1174">
            <v>3</v>
          </cell>
        </row>
        <row r="1175">
          <cell r="C1175">
            <v>1.5697000000000001</v>
          </cell>
          <cell r="AT1175">
            <v>2001</v>
          </cell>
          <cell r="AU1175">
            <v>3</v>
          </cell>
        </row>
        <row r="1176">
          <cell r="C1176">
            <v>1.5607</v>
          </cell>
          <cell r="AT1176">
            <v>2001</v>
          </cell>
          <cell r="AU1176">
            <v>3</v>
          </cell>
        </row>
        <row r="1177">
          <cell r="C1177">
            <v>1.5726</v>
          </cell>
          <cell r="AT1177">
            <v>2001</v>
          </cell>
          <cell r="AU1177">
            <v>3</v>
          </cell>
        </row>
        <row r="1178">
          <cell r="C1178">
            <v>1.5731999999999999</v>
          </cell>
          <cell r="AT1178">
            <v>2001</v>
          </cell>
          <cell r="AU1178">
            <v>3</v>
          </cell>
        </row>
        <row r="1179">
          <cell r="C1179">
            <v>1.5664</v>
          </cell>
          <cell r="AT1179">
            <v>2001</v>
          </cell>
          <cell r="AU1179">
            <v>3</v>
          </cell>
        </row>
        <row r="1180">
          <cell r="C1180">
            <v>1.5664</v>
          </cell>
          <cell r="AT1180">
            <v>2001</v>
          </cell>
          <cell r="AU1180">
            <v>3</v>
          </cell>
        </row>
        <row r="1181">
          <cell r="C1181">
            <v>1.5664</v>
          </cell>
          <cell r="AT1181">
            <v>2001</v>
          </cell>
          <cell r="AU1181">
            <v>3</v>
          </cell>
        </row>
        <row r="1182">
          <cell r="C1182">
            <v>1.5547</v>
          </cell>
          <cell r="AT1182">
            <v>2001</v>
          </cell>
          <cell r="AU1182">
            <v>3</v>
          </cell>
        </row>
        <row r="1183">
          <cell r="C1183">
            <v>1.5692999999999999</v>
          </cell>
          <cell r="AT1183">
            <v>2001</v>
          </cell>
          <cell r="AU1183">
            <v>3</v>
          </cell>
        </row>
        <row r="1184">
          <cell r="C1184">
            <v>1.5669999999999999</v>
          </cell>
          <cell r="AT1184">
            <v>2001</v>
          </cell>
          <cell r="AU1184">
            <v>3</v>
          </cell>
        </row>
        <row r="1185">
          <cell r="C1185">
            <v>1.5722</v>
          </cell>
          <cell r="AT1185">
            <v>2001</v>
          </cell>
          <cell r="AU1185">
            <v>3</v>
          </cell>
        </row>
        <row r="1186">
          <cell r="C1186">
            <v>1.5773999999999999</v>
          </cell>
          <cell r="AT1186">
            <v>2001</v>
          </cell>
          <cell r="AU1186">
            <v>3</v>
          </cell>
        </row>
        <row r="1187">
          <cell r="C1187">
            <v>1.5773999999999999</v>
          </cell>
          <cell r="AT1187">
            <v>2001</v>
          </cell>
          <cell r="AU1187">
            <v>4</v>
          </cell>
        </row>
        <row r="1188">
          <cell r="C1188">
            <v>1.5773999999999999</v>
          </cell>
          <cell r="AT1188">
            <v>2001</v>
          </cell>
          <cell r="AU1188">
            <v>4</v>
          </cell>
        </row>
        <row r="1189">
          <cell r="C1189">
            <v>1.5749</v>
          </cell>
          <cell r="AT1189">
            <v>2001</v>
          </cell>
          <cell r="AU1189">
            <v>4</v>
          </cell>
        </row>
        <row r="1190">
          <cell r="C1190">
            <v>1.5789</v>
          </cell>
          <cell r="AT1190">
            <v>2001</v>
          </cell>
          <cell r="AU1190">
            <v>4</v>
          </cell>
        </row>
        <row r="1191">
          <cell r="C1191">
            <v>1.5693999999999999</v>
          </cell>
          <cell r="AT1191">
            <v>2001</v>
          </cell>
          <cell r="AU1191">
            <v>4</v>
          </cell>
        </row>
        <row r="1192">
          <cell r="C1192">
            <v>1.5787</v>
          </cell>
          <cell r="AT1192">
            <v>2001</v>
          </cell>
          <cell r="AU1192">
            <v>4</v>
          </cell>
        </row>
        <row r="1193">
          <cell r="C1193">
            <v>1.5612999999999999</v>
          </cell>
          <cell r="AT1193">
            <v>2001</v>
          </cell>
          <cell r="AU1193">
            <v>4</v>
          </cell>
        </row>
        <row r="1194">
          <cell r="C1194">
            <v>1.5612999999999999</v>
          </cell>
          <cell r="AT1194">
            <v>2001</v>
          </cell>
          <cell r="AU1194">
            <v>4</v>
          </cell>
        </row>
        <row r="1195">
          <cell r="C1195">
            <v>1.5612999999999999</v>
          </cell>
          <cell r="AT1195">
            <v>2001</v>
          </cell>
          <cell r="AU1195">
            <v>4</v>
          </cell>
        </row>
        <row r="1196">
          <cell r="C1196">
            <v>1.5642</v>
          </cell>
          <cell r="AT1196">
            <v>2001</v>
          </cell>
          <cell r="AU1196">
            <v>4</v>
          </cell>
        </row>
        <row r="1197">
          <cell r="C1197">
            <v>1.5562</v>
          </cell>
          <cell r="AT1197">
            <v>2001</v>
          </cell>
          <cell r="AU1197">
            <v>4</v>
          </cell>
        </row>
        <row r="1198">
          <cell r="C1198">
            <v>1.5620000000000001</v>
          </cell>
          <cell r="AT1198">
            <v>2001</v>
          </cell>
          <cell r="AU1198">
            <v>4</v>
          </cell>
        </row>
        <row r="1199">
          <cell r="C1199">
            <v>1.5599000000000001</v>
          </cell>
          <cell r="AT1199">
            <v>2001</v>
          </cell>
          <cell r="AU1199">
            <v>4</v>
          </cell>
        </row>
        <row r="1200">
          <cell r="C1200">
            <v>1.5599000000000001</v>
          </cell>
          <cell r="AT1200">
            <v>2001</v>
          </cell>
          <cell r="AU1200">
            <v>4</v>
          </cell>
        </row>
        <row r="1201">
          <cell r="C1201">
            <v>1.5599000000000001</v>
          </cell>
          <cell r="AT1201">
            <v>2001</v>
          </cell>
          <cell r="AU1201">
            <v>4</v>
          </cell>
        </row>
        <row r="1202">
          <cell r="C1202">
            <v>1.5599000000000001</v>
          </cell>
          <cell r="AT1202">
            <v>2001</v>
          </cell>
          <cell r="AU1202">
            <v>4</v>
          </cell>
        </row>
        <row r="1203">
          <cell r="C1203">
            <v>1.5621</v>
          </cell>
          <cell r="AT1203">
            <v>2001</v>
          </cell>
          <cell r="AU1203">
            <v>4</v>
          </cell>
        </row>
        <row r="1204">
          <cell r="C1204">
            <v>1.5579000000000001</v>
          </cell>
          <cell r="AT1204">
            <v>2001</v>
          </cell>
          <cell r="AU1204">
            <v>4</v>
          </cell>
        </row>
        <row r="1205">
          <cell r="C1205">
            <v>1.5692999999999999</v>
          </cell>
          <cell r="AT1205">
            <v>2001</v>
          </cell>
          <cell r="AU1205">
            <v>4</v>
          </cell>
        </row>
        <row r="1206">
          <cell r="C1206">
            <v>1.5471999999999999</v>
          </cell>
          <cell r="AT1206">
            <v>2001</v>
          </cell>
          <cell r="AU1206">
            <v>4</v>
          </cell>
        </row>
        <row r="1207">
          <cell r="C1207">
            <v>1.5434000000000001</v>
          </cell>
          <cell r="AT1207">
            <v>2001</v>
          </cell>
          <cell r="AU1207">
            <v>4</v>
          </cell>
        </row>
        <row r="1208">
          <cell r="C1208">
            <v>1.5434000000000001</v>
          </cell>
          <cell r="AT1208">
            <v>2001</v>
          </cell>
          <cell r="AU1208">
            <v>4</v>
          </cell>
        </row>
        <row r="1209">
          <cell r="C1209">
            <v>1.5434000000000001</v>
          </cell>
          <cell r="AT1209">
            <v>2001</v>
          </cell>
          <cell r="AU1209">
            <v>4</v>
          </cell>
        </row>
        <row r="1210">
          <cell r="C1210">
            <v>1.5464</v>
          </cell>
          <cell r="AT1210">
            <v>2001</v>
          </cell>
          <cell r="AU1210">
            <v>4</v>
          </cell>
        </row>
        <row r="1211">
          <cell r="C1211">
            <v>1.5482</v>
          </cell>
          <cell r="AT1211">
            <v>2001</v>
          </cell>
          <cell r="AU1211">
            <v>4</v>
          </cell>
        </row>
        <row r="1212">
          <cell r="C1212">
            <v>1.5472999999999999</v>
          </cell>
          <cell r="AT1212">
            <v>2001</v>
          </cell>
          <cell r="AU1212">
            <v>4</v>
          </cell>
        </row>
        <row r="1213">
          <cell r="C1213">
            <v>1.5450999999999999</v>
          </cell>
          <cell r="AT1213">
            <v>2001</v>
          </cell>
          <cell r="AU1213">
            <v>4</v>
          </cell>
        </row>
        <row r="1214">
          <cell r="C1214">
            <v>1.5417000000000001</v>
          </cell>
          <cell r="AT1214">
            <v>2001</v>
          </cell>
          <cell r="AU1214">
            <v>4</v>
          </cell>
        </row>
        <row r="1215">
          <cell r="C1215">
            <v>1.5417000000000001</v>
          </cell>
          <cell r="AT1215">
            <v>2001</v>
          </cell>
          <cell r="AU1215">
            <v>4</v>
          </cell>
        </row>
        <row r="1216">
          <cell r="C1216">
            <v>1.5417000000000001</v>
          </cell>
          <cell r="AT1216">
            <v>2001</v>
          </cell>
          <cell r="AU1216">
            <v>4</v>
          </cell>
        </row>
        <row r="1217">
          <cell r="C1217">
            <v>1.5356000000000001</v>
          </cell>
          <cell r="AT1217">
            <v>2001</v>
          </cell>
          <cell r="AU1217">
            <v>5</v>
          </cell>
        </row>
        <row r="1218">
          <cell r="C1218">
            <v>1.5338000000000001</v>
          </cell>
          <cell r="AT1218">
            <v>2001</v>
          </cell>
          <cell r="AU1218">
            <v>5</v>
          </cell>
        </row>
        <row r="1219">
          <cell r="C1219">
            <v>1.5308999999999999</v>
          </cell>
          <cell r="AT1219">
            <v>2001</v>
          </cell>
          <cell r="AU1219">
            <v>5</v>
          </cell>
        </row>
        <row r="1220">
          <cell r="C1220">
            <v>1.5328999999999999</v>
          </cell>
          <cell r="AT1220">
            <v>2001</v>
          </cell>
          <cell r="AU1220">
            <v>5</v>
          </cell>
        </row>
        <row r="1221">
          <cell r="C1221">
            <v>1.5348999999999999</v>
          </cell>
          <cell r="AT1221">
            <v>2001</v>
          </cell>
          <cell r="AU1221">
            <v>5</v>
          </cell>
        </row>
        <row r="1222">
          <cell r="C1222">
            <v>1.5348999999999999</v>
          </cell>
          <cell r="AT1222">
            <v>2001</v>
          </cell>
          <cell r="AU1222">
            <v>5</v>
          </cell>
        </row>
        <row r="1223">
          <cell r="C1223">
            <v>1.5348999999999999</v>
          </cell>
          <cell r="AT1223">
            <v>2001</v>
          </cell>
          <cell r="AU1223">
            <v>5</v>
          </cell>
        </row>
        <row r="1224">
          <cell r="C1224">
            <v>1.5403</v>
          </cell>
          <cell r="AT1224">
            <v>2001</v>
          </cell>
          <cell r="AU1224">
            <v>5</v>
          </cell>
        </row>
        <row r="1225">
          <cell r="C1225">
            <v>1.5444</v>
          </cell>
          <cell r="AT1225">
            <v>2001</v>
          </cell>
          <cell r="AU1225">
            <v>5</v>
          </cell>
        </row>
        <row r="1226">
          <cell r="C1226">
            <v>1.5404</v>
          </cell>
          <cell r="AT1226">
            <v>2001</v>
          </cell>
          <cell r="AU1226">
            <v>5</v>
          </cell>
        </row>
        <row r="1227">
          <cell r="C1227">
            <v>1.5389999999999999</v>
          </cell>
          <cell r="AT1227">
            <v>2001</v>
          </cell>
          <cell r="AU1227">
            <v>5</v>
          </cell>
        </row>
        <row r="1228">
          <cell r="C1228">
            <v>1.5503</v>
          </cell>
          <cell r="AT1228">
            <v>2001</v>
          </cell>
          <cell r="AU1228">
            <v>5</v>
          </cell>
        </row>
        <row r="1229">
          <cell r="C1229">
            <v>1.5503</v>
          </cell>
          <cell r="AT1229">
            <v>2001</v>
          </cell>
          <cell r="AU1229">
            <v>5</v>
          </cell>
        </row>
        <row r="1230">
          <cell r="C1230">
            <v>1.5503</v>
          </cell>
          <cell r="AT1230">
            <v>2001</v>
          </cell>
          <cell r="AU1230">
            <v>5</v>
          </cell>
        </row>
        <row r="1231">
          <cell r="C1231">
            <v>1.554</v>
          </cell>
          <cell r="AT1231">
            <v>2001</v>
          </cell>
          <cell r="AU1231">
            <v>5</v>
          </cell>
        </row>
        <row r="1232">
          <cell r="C1232">
            <v>1.5490999999999999</v>
          </cell>
          <cell r="AT1232">
            <v>2001</v>
          </cell>
          <cell r="AU1232">
            <v>5</v>
          </cell>
        </row>
        <row r="1233">
          <cell r="C1233">
            <v>1.5399</v>
          </cell>
          <cell r="AT1233">
            <v>2001</v>
          </cell>
          <cell r="AU1233">
            <v>5</v>
          </cell>
        </row>
        <row r="1234">
          <cell r="C1234">
            <v>1.5358000000000001</v>
          </cell>
          <cell r="AT1234">
            <v>2001</v>
          </cell>
          <cell r="AU1234">
            <v>5</v>
          </cell>
        </row>
        <row r="1235">
          <cell r="C1235">
            <v>1.5329999999999999</v>
          </cell>
          <cell r="AT1235">
            <v>2001</v>
          </cell>
          <cell r="AU1235">
            <v>5</v>
          </cell>
        </row>
        <row r="1236">
          <cell r="C1236">
            <v>1.5329999999999999</v>
          </cell>
          <cell r="AT1236">
            <v>2001</v>
          </cell>
          <cell r="AU1236">
            <v>5</v>
          </cell>
        </row>
        <row r="1237">
          <cell r="C1237">
            <v>1.5329999999999999</v>
          </cell>
          <cell r="AT1237">
            <v>2001</v>
          </cell>
          <cell r="AU1237">
            <v>5</v>
          </cell>
        </row>
        <row r="1238">
          <cell r="C1238">
            <v>1.5329999999999999</v>
          </cell>
          <cell r="AT1238">
            <v>2001</v>
          </cell>
          <cell r="AU1238">
            <v>5</v>
          </cell>
        </row>
        <row r="1239">
          <cell r="C1239">
            <v>1.5407</v>
          </cell>
          <cell r="AT1239">
            <v>2001</v>
          </cell>
          <cell r="AU1239">
            <v>5</v>
          </cell>
        </row>
        <row r="1240">
          <cell r="C1240">
            <v>1.5458000000000001</v>
          </cell>
          <cell r="AT1240">
            <v>2001</v>
          </cell>
          <cell r="AU1240">
            <v>5</v>
          </cell>
        </row>
        <row r="1241">
          <cell r="C1241">
            <v>1.5472999999999999</v>
          </cell>
          <cell r="AT1241">
            <v>2001</v>
          </cell>
          <cell r="AU1241">
            <v>5</v>
          </cell>
        </row>
        <row r="1242">
          <cell r="C1242">
            <v>1.5451999999999999</v>
          </cell>
          <cell r="AT1242">
            <v>2001</v>
          </cell>
          <cell r="AU1242">
            <v>5</v>
          </cell>
        </row>
        <row r="1243">
          <cell r="C1243">
            <v>1.5451999999999999</v>
          </cell>
          <cell r="AT1243">
            <v>2001</v>
          </cell>
          <cell r="AU1243">
            <v>5</v>
          </cell>
        </row>
        <row r="1244">
          <cell r="C1244">
            <v>1.5451999999999999</v>
          </cell>
          <cell r="AT1244">
            <v>2001</v>
          </cell>
          <cell r="AU1244">
            <v>5</v>
          </cell>
        </row>
        <row r="1245">
          <cell r="C1245">
            <v>1.5452999999999999</v>
          </cell>
          <cell r="AT1245">
            <v>2001</v>
          </cell>
          <cell r="AU1245">
            <v>5</v>
          </cell>
        </row>
        <row r="1246">
          <cell r="C1246">
            <v>1.5373000000000001</v>
          </cell>
          <cell r="AT1246">
            <v>2001</v>
          </cell>
          <cell r="AU1246">
            <v>5</v>
          </cell>
        </row>
        <row r="1247">
          <cell r="C1247">
            <v>1.546</v>
          </cell>
          <cell r="AT1247">
            <v>2001</v>
          </cell>
          <cell r="AU1247">
            <v>5</v>
          </cell>
        </row>
        <row r="1248">
          <cell r="C1248">
            <v>1.5457000000000001</v>
          </cell>
          <cell r="AT1248">
            <v>2001</v>
          </cell>
          <cell r="AU1248">
            <v>6</v>
          </cell>
        </row>
        <row r="1249">
          <cell r="C1249">
            <v>1.532</v>
          </cell>
          <cell r="AT1249">
            <v>2001</v>
          </cell>
          <cell r="AU1249">
            <v>6</v>
          </cell>
        </row>
        <row r="1250">
          <cell r="C1250">
            <v>1.532</v>
          </cell>
          <cell r="AT1250">
            <v>2001</v>
          </cell>
          <cell r="AU1250">
            <v>6</v>
          </cell>
        </row>
        <row r="1251">
          <cell r="C1251">
            <v>1.532</v>
          </cell>
          <cell r="AT1251">
            <v>2001</v>
          </cell>
          <cell r="AU1251">
            <v>6</v>
          </cell>
        </row>
        <row r="1252">
          <cell r="C1252">
            <v>1.5357000000000001</v>
          </cell>
          <cell r="AT1252">
            <v>2001</v>
          </cell>
          <cell r="AU1252">
            <v>6</v>
          </cell>
        </row>
        <row r="1253">
          <cell r="C1253">
            <v>1.5327</v>
          </cell>
          <cell r="AT1253">
            <v>2001</v>
          </cell>
          <cell r="AU1253">
            <v>6</v>
          </cell>
        </row>
        <row r="1254">
          <cell r="C1254">
            <v>1.5246</v>
          </cell>
          <cell r="AT1254">
            <v>2001</v>
          </cell>
          <cell r="AU1254">
            <v>6</v>
          </cell>
        </row>
        <row r="1255">
          <cell r="C1255">
            <v>1.5208999999999999</v>
          </cell>
          <cell r="AT1255">
            <v>2001</v>
          </cell>
          <cell r="AU1255">
            <v>6</v>
          </cell>
        </row>
        <row r="1256">
          <cell r="C1256">
            <v>1.5209999999999999</v>
          </cell>
          <cell r="AT1256">
            <v>2001</v>
          </cell>
          <cell r="AU1256">
            <v>6</v>
          </cell>
        </row>
        <row r="1257">
          <cell r="C1257">
            <v>1.5209999999999999</v>
          </cell>
          <cell r="AT1257">
            <v>2001</v>
          </cell>
          <cell r="AU1257">
            <v>6</v>
          </cell>
        </row>
        <row r="1258">
          <cell r="C1258">
            <v>1.5209999999999999</v>
          </cell>
          <cell r="AT1258">
            <v>2001</v>
          </cell>
          <cell r="AU1258">
            <v>6</v>
          </cell>
        </row>
        <row r="1259">
          <cell r="C1259">
            <v>1.5161</v>
          </cell>
          <cell r="AT1259">
            <v>2001</v>
          </cell>
          <cell r="AU1259">
            <v>6</v>
          </cell>
        </row>
        <row r="1260">
          <cell r="C1260">
            <v>1.5244</v>
          </cell>
          <cell r="AT1260">
            <v>2001</v>
          </cell>
          <cell r="AU1260">
            <v>6</v>
          </cell>
        </row>
        <row r="1261">
          <cell r="C1261">
            <v>1.5181</v>
          </cell>
          <cell r="AT1261">
            <v>2001</v>
          </cell>
          <cell r="AU1261">
            <v>6</v>
          </cell>
        </row>
        <row r="1262">
          <cell r="C1262">
            <v>1.5214000000000001</v>
          </cell>
          <cell r="AT1262">
            <v>2001</v>
          </cell>
          <cell r="AU1262">
            <v>6</v>
          </cell>
        </row>
        <row r="1263">
          <cell r="C1263">
            <v>1.5219</v>
          </cell>
          <cell r="AT1263">
            <v>2001</v>
          </cell>
          <cell r="AU1263">
            <v>6</v>
          </cell>
        </row>
        <row r="1264">
          <cell r="C1264">
            <v>1.5219</v>
          </cell>
          <cell r="AT1264">
            <v>2001</v>
          </cell>
          <cell r="AU1264">
            <v>6</v>
          </cell>
        </row>
        <row r="1265">
          <cell r="C1265">
            <v>1.5219</v>
          </cell>
          <cell r="AT1265">
            <v>2001</v>
          </cell>
          <cell r="AU1265">
            <v>6</v>
          </cell>
        </row>
        <row r="1266">
          <cell r="C1266">
            <v>1.5335000000000001</v>
          </cell>
          <cell r="AT1266">
            <v>2001</v>
          </cell>
          <cell r="AU1266">
            <v>6</v>
          </cell>
        </row>
        <row r="1267">
          <cell r="C1267">
            <v>1.5328999999999999</v>
          </cell>
          <cell r="AT1267">
            <v>2001</v>
          </cell>
          <cell r="AU1267">
            <v>6</v>
          </cell>
        </row>
        <row r="1268">
          <cell r="C1268">
            <v>1.5307999999999999</v>
          </cell>
          <cell r="AT1268">
            <v>2001</v>
          </cell>
          <cell r="AU1268">
            <v>6</v>
          </cell>
        </row>
        <row r="1269">
          <cell r="C1269">
            <v>1.5264</v>
          </cell>
          <cell r="AT1269">
            <v>2001</v>
          </cell>
          <cell r="AU1269">
            <v>6</v>
          </cell>
        </row>
        <row r="1270">
          <cell r="C1270">
            <v>1.5288999999999999</v>
          </cell>
          <cell r="AT1270">
            <v>2001</v>
          </cell>
          <cell r="AU1270">
            <v>6</v>
          </cell>
        </row>
        <row r="1271">
          <cell r="C1271">
            <v>1.5288999999999999</v>
          </cell>
          <cell r="AT1271">
            <v>2001</v>
          </cell>
          <cell r="AU1271">
            <v>6</v>
          </cell>
        </row>
        <row r="1272">
          <cell r="C1272">
            <v>1.5288999999999999</v>
          </cell>
          <cell r="AT1272">
            <v>2001</v>
          </cell>
          <cell r="AU1272">
            <v>6</v>
          </cell>
        </row>
        <row r="1273">
          <cell r="C1273">
            <v>1.5186999999999999</v>
          </cell>
          <cell r="AT1273">
            <v>2001</v>
          </cell>
          <cell r="AU1273">
            <v>6</v>
          </cell>
        </row>
        <row r="1274">
          <cell r="C1274">
            <v>1.5145</v>
          </cell>
          <cell r="AT1274">
            <v>2001</v>
          </cell>
          <cell r="AU1274">
            <v>6</v>
          </cell>
        </row>
        <row r="1275">
          <cell r="C1275">
            <v>1.5168999999999999</v>
          </cell>
          <cell r="AT1275">
            <v>2001</v>
          </cell>
          <cell r="AU1275">
            <v>6</v>
          </cell>
        </row>
        <row r="1276">
          <cell r="C1276">
            <v>1.5232000000000001</v>
          </cell>
          <cell r="AT1276">
            <v>2001</v>
          </cell>
          <cell r="AU1276">
            <v>6</v>
          </cell>
        </row>
        <row r="1277">
          <cell r="C1277">
            <v>1.5177</v>
          </cell>
          <cell r="AT1277">
            <v>2001</v>
          </cell>
          <cell r="AU1277">
            <v>6</v>
          </cell>
        </row>
        <row r="1278">
          <cell r="C1278">
            <v>1.5177</v>
          </cell>
          <cell r="AT1278">
            <v>2001</v>
          </cell>
          <cell r="AU1278">
            <v>7</v>
          </cell>
        </row>
        <row r="1279">
          <cell r="C1279">
            <v>1.5177</v>
          </cell>
          <cell r="AT1279">
            <v>2001</v>
          </cell>
          <cell r="AU1279">
            <v>7</v>
          </cell>
        </row>
        <row r="1280">
          <cell r="C1280">
            <v>1.5177</v>
          </cell>
          <cell r="AT1280">
            <v>2001</v>
          </cell>
          <cell r="AU1280">
            <v>7</v>
          </cell>
        </row>
        <row r="1281">
          <cell r="C1281">
            <v>1.5124</v>
          </cell>
          <cell r="AT1281">
            <v>2001</v>
          </cell>
          <cell r="AU1281">
            <v>7</v>
          </cell>
        </row>
        <row r="1282">
          <cell r="C1282">
            <v>1.5109999999999999</v>
          </cell>
          <cell r="AT1282">
            <v>2001</v>
          </cell>
          <cell r="AU1282">
            <v>7</v>
          </cell>
        </row>
        <row r="1283">
          <cell r="C1283">
            <v>1.5099</v>
          </cell>
          <cell r="AT1283">
            <v>2001</v>
          </cell>
          <cell r="AU1283">
            <v>7</v>
          </cell>
        </row>
        <row r="1284">
          <cell r="C1284">
            <v>1.5198</v>
          </cell>
          <cell r="AT1284">
            <v>2001</v>
          </cell>
          <cell r="AU1284">
            <v>7</v>
          </cell>
        </row>
        <row r="1285">
          <cell r="C1285">
            <v>1.5198</v>
          </cell>
          <cell r="AT1285">
            <v>2001</v>
          </cell>
          <cell r="AU1285">
            <v>7</v>
          </cell>
        </row>
        <row r="1286">
          <cell r="C1286">
            <v>1.5198</v>
          </cell>
          <cell r="AT1286">
            <v>2001</v>
          </cell>
          <cell r="AU1286">
            <v>7</v>
          </cell>
        </row>
        <row r="1287">
          <cell r="C1287">
            <v>1.5210999999999999</v>
          </cell>
          <cell r="AT1287">
            <v>2001</v>
          </cell>
          <cell r="AU1287">
            <v>7</v>
          </cell>
        </row>
        <row r="1288">
          <cell r="C1288">
            <v>1.5210999999999999</v>
          </cell>
          <cell r="AT1288">
            <v>2001</v>
          </cell>
          <cell r="AU1288">
            <v>7</v>
          </cell>
        </row>
        <row r="1289">
          <cell r="C1289">
            <v>1.5247999999999999</v>
          </cell>
          <cell r="AT1289">
            <v>2001</v>
          </cell>
          <cell r="AU1289">
            <v>7</v>
          </cell>
        </row>
        <row r="1290">
          <cell r="C1290">
            <v>1.528</v>
          </cell>
          <cell r="AT1290">
            <v>2001</v>
          </cell>
          <cell r="AU1290">
            <v>7</v>
          </cell>
        </row>
        <row r="1291">
          <cell r="C1291">
            <v>1.5392999999999999</v>
          </cell>
          <cell r="AT1291">
            <v>2001</v>
          </cell>
          <cell r="AU1291">
            <v>7</v>
          </cell>
        </row>
        <row r="1292">
          <cell r="C1292">
            <v>1.5392999999999999</v>
          </cell>
          <cell r="AT1292">
            <v>2001</v>
          </cell>
          <cell r="AU1292">
            <v>7</v>
          </cell>
        </row>
        <row r="1293">
          <cell r="C1293">
            <v>1.5392999999999999</v>
          </cell>
          <cell r="AT1293">
            <v>2001</v>
          </cell>
          <cell r="AU1293">
            <v>7</v>
          </cell>
        </row>
        <row r="1294">
          <cell r="C1294">
            <v>1.5397000000000001</v>
          </cell>
          <cell r="AT1294">
            <v>2001</v>
          </cell>
          <cell r="AU1294">
            <v>7</v>
          </cell>
        </row>
        <row r="1295">
          <cell r="C1295">
            <v>1.5403</v>
          </cell>
          <cell r="AT1295">
            <v>2001</v>
          </cell>
          <cell r="AU1295">
            <v>7</v>
          </cell>
        </row>
        <row r="1296">
          <cell r="C1296">
            <v>1.5349999999999999</v>
          </cell>
          <cell r="AT1296">
            <v>2001</v>
          </cell>
          <cell r="AU1296">
            <v>7</v>
          </cell>
        </row>
        <row r="1297">
          <cell r="C1297">
            <v>1.5417000000000001</v>
          </cell>
          <cell r="AT1297">
            <v>2001</v>
          </cell>
          <cell r="AU1297">
            <v>7</v>
          </cell>
        </row>
        <row r="1298">
          <cell r="C1298">
            <v>1.5448</v>
          </cell>
          <cell r="AT1298">
            <v>2001</v>
          </cell>
          <cell r="AU1298">
            <v>7</v>
          </cell>
        </row>
        <row r="1299">
          <cell r="C1299">
            <v>1.5448</v>
          </cell>
          <cell r="AT1299">
            <v>2001</v>
          </cell>
          <cell r="AU1299">
            <v>7</v>
          </cell>
        </row>
        <row r="1300">
          <cell r="C1300">
            <v>1.5448</v>
          </cell>
          <cell r="AT1300">
            <v>2001</v>
          </cell>
          <cell r="AU1300">
            <v>7</v>
          </cell>
        </row>
        <row r="1301">
          <cell r="C1301">
            <v>1.5446</v>
          </cell>
          <cell r="AT1301">
            <v>2001</v>
          </cell>
          <cell r="AU1301">
            <v>7</v>
          </cell>
        </row>
        <row r="1302">
          <cell r="C1302">
            <v>1.5381</v>
          </cell>
          <cell r="AT1302">
            <v>2001</v>
          </cell>
          <cell r="AU1302">
            <v>7</v>
          </cell>
        </row>
        <row r="1303">
          <cell r="C1303">
            <v>1.5375000000000001</v>
          </cell>
          <cell r="AT1303">
            <v>2001</v>
          </cell>
          <cell r="AU1303">
            <v>7</v>
          </cell>
        </row>
        <row r="1304">
          <cell r="C1304">
            <v>1.5335000000000001</v>
          </cell>
          <cell r="AT1304">
            <v>2001</v>
          </cell>
          <cell r="AU1304">
            <v>7</v>
          </cell>
        </row>
        <row r="1305">
          <cell r="C1305">
            <v>1.5346</v>
          </cell>
          <cell r="AT1305">
            <v>2001</v>
          </cell>
          <cell r="AU1305">
            <v>7</v>
          </cell>
        </row>
        <row r="1306">
          <cell r="C1306">
            <v>1.5346</v>
          </cell>
          <cell r="AT1306">
            <v>2001</v>
          </cell>
          <cell r="AU1306">
            <v>7</v>
          </cell>
        </row>
        <row r="1307">
          <cell r="C1307">
            <v>1.5346</v>
          </cell>
          <cell r="AT1307">
            <v>2001</v>
          </cell>
          <cell r="AU1307">
            <v>7</v>
          </cell>
        </row>
        <row r="1308">
          <cell r="C1308">
            <v>1.5302</v>
          </cell>
          <cell r="AT1308">
            <v>2001</v>
          </cell>
          <cell r="AU1308">
            <v>7</v>
          </cell>
        </row>
        <row r="1309">
          <cell r="C1309">
            <v>1.5303</v>
          </cell>
          <cell r="AT1309">
            <v>2001</v>
          </cell>
          <cell r="AU1309">
            <v>8</v>
          </cell>
        </row>
        <row r="1310">
          <cell r="C1310">
            <v>1.5358000000000001</v>
          </cell>
          <cell r="AT1310">
            <v>2001</v>
          </cell>
          <cell r="AU1310">
            <v>8</v>
          </cell>
        </row>
        <row r="1311">
          <cell r="C1311">
            <v>1.5411999999999999</v>
          </cell>
          <cell r="AT1311">
            <v>2001</v>
          </cell>
          <cell r="AU1311">
            <v>8</v>
          </cell>
        </row>
        <row r="1312">
          <cell r="C1312">
            <v>1.5347999999999999</v>
          </cell>
          <cell r="AT1312">
            <v>2001</v>
          </cell>
          <cell r="AU1312">
            <v>8</v>
          </cell>
        </row>
        <row r="1313">
          <cell r="C1313">
            <v>1.5347999999999999</v>
          </cell>
          <cell r="AT1313">
            <v>2001</v>
          </cell>
          <cell r="AU1313">
            <v>8</v>
          </cell>
        </row>
        <row r="1314">
          <cell r="C1314">
            <v>1.5347999999999999</v>
          </cell>
          <cell r="AT1314">
            <v>2001</v>
          </cell>
          <cell r="AU1314">
            <v>8</v>
          </cell>
        </row>
        <row r="1315">
          <cell r="C1315">
            <v>1.5347999999999999</v>
          </cell>
          <cell r="AT1315">
            <v>2001</v>
          </cell>
          <cell r="AU1315">
            <v>8</v>
          </cell>
        </row>
        <row r="1316">
          <cell r="C1316">
            <v>1.534</v>
          </cell>
          <cell r="AT1316">
            <v>2001</v>
          </cell>
          <cell r="AU1316">
            <v>8</v>
          </cell>
        </row>
        <row r="1317">
          <cell r="C1317">
            <v>1.5334000000000001</v>
          </cell>
          <cell r="AT1317">
            <v>2001</v>
          </cell>
          <cell r="AU1317">
            <v>8</v>
          </cell>
        </row>
        <row r="1318">
          <cell r="C1318">
            <v>1.5388999999999999</v>
          </cell>
          <cell r="AT1318">
            <v>2001</v>
          </cell>
          <cell r="AU1318">
            <v>8</v>
          </cell>
        </row>
        <row r="1319">
          <cell r="C1319">
            <v>1.5402</v>
          </cell>
          <cell r="AT1319">
            <v>2001</v>
          </cell>
          <cell r="AU1319">
            <v>8</v>
          </cell>
        </row>
        <row r="1320">
          <cell r="C1320">
            <v>1.5402</v>
          </cell>
          <cell r="AT1320">
            <v>2001</v>
          </cell>
          <cell r="AU1320">
            <v>8</v>
          </cell>
        </row>
        <row r="1321">
          <cell r="C1321">
            <v>1.5402</v>
          </cell>
          <cell r="AT1321">
            <v>2001</v>
          </cell>
          <cell r="AU1321">
            <v>8</v>
          </cell>
        </row>
        <row r="1322">
          <cell r="C1322">
            <v>1.5386</v>
          </cell>
          <cell r="AT1322">
            <v>2001</v>
          </cell>
          <cell r="AU1322">
            <v>8</v>
          </cell>
        </row>
        <row r="1323">
          <cell r="C1323">
            <v>1.5409999999999999</v>
          </cell>
          <cell r="AT1323">
            <v>2001</v>
          </cell>
          <cell r="AU1323">
            <v>8</v>
          </cell>
        </row>
        <row r="1324">
          <cell r="C1324">
            <v>1.5289999999999999</v>
          </cell>
          <cell r="AT1324">
            <v>2001</v>
          </cell>
          <cell r="AU1324">
            <v>8</v>
          </cell>
        </row>
        <row r="1325">
          <cell r="C1325">
            <v>1.5310999999999999</v>
          </cell>
          <cell r="AT1325">
            <v>2001</v>
          </cell>
          <cell r="AU1325">
            <v>8</v>
          </cell>
        </row>
        <row r="1326">
          <cell r="C1326">
            <v>1.5419</v>
          </cell>
          <cell r="AT1326">
            <v>2001</v>
          </cell>
          <cell r="AU1326">
            <v>8</v>
          </cell>
        </row>
        <row r="1327">
          <cell r="C1327">
            <v>1.5419</v>
          </cell>
          <cell r="AT1327">
            <v>2001</v>
          </cell>
          <cell r="AU1327">
            <v>8</v>
          </cell>
        </row>
        <row r="1328">
          <cell r="C1328">
            <v>1.5419</v>
          </cell>
          <cell r="AT1328">
            <v>2001</v>
          </cell>
          <cell r="AU1328">
            <v>8</v>
          </cell>
        </row>
        <row r="1329">
          <cell r="C1329">
            <v>1.5457000000000001</v>
          </cell>
          <cell r="AT1329">
            <v>2001</v>
          </cell>
          <cell r="AU1329">
            <v>8</v>
          </cell>
        </row>
        <row r="1330">
          <cell r="C1330">
            <v>1.5488</v>
          </cell>
          <cell r="AT1330">
            <v>2001</v>
          </cell>
          <cell r="AU1330">
            <v>8</v>
          </cell>
        </row>
        <row r="1331">
          <cell r="C1331">
            <v>1.5436000000000001</v>
          </cell>
          <cell r="AT1331">
            <v>2001</v>
          </cell>
          <cell r="AU1331">
            <v>8</v>
          </cell>
        </row>
        <row r="1332">
          <cell r="C1332">
            <v>1.5423</v>
          </cell>
          <cell r="AT1332">
            <v>2001</v>
          </cell>
          <cell r="AU1332">
            <v>8</v>
          </cell>
        </row>
        <row r="1333">
          <cell r="C1333">
            <v>1.5409999999999999</v>
          </cell>
          <cell r="AT1333">
            <v>2001</v>
          </cell>
          <cell r="AU1333">
            <v>8</v>
          </cell>
        </row>
        <row r="1334">
          <cell r="C1334">
            <v>1.5409999999999999</v>
          </cell>
          <cell r="AT1334">
            <v>2001</v>
          </cell>
          <cell r="AU1334">
            <v>8</v>
          </cell>
        </row>
        <row r="1335">
          <cell r="C1335">
            <v>1.5409999999999999</v>
          </cell>
          <cell r="AT1335">
            <v>2001</v>
          </cell>
          <cell r="AU1335">
            <v>8</v>
          </cell>
        </row>
        <row r="1336">
          <cell r="C1336">
            <v>1.5422</v>
          </cell>
          <cell r="AT1336">
            <v>2001</v>
          </cell>
          <cell r="AU1336">
            <v>8</v>
          </cell>
        </row>
        <row r="1337">
          <cell r="C1337">
            <v>1.5401</v>
          </cell>
          <cell r="AT1337">
            <v>2001</v>
          </cell>
          <cell r="AU1337">
            <v>8</v>
          </cell>
        </row>
        <row r="1338">
          <cell r="C1338">
            <v>1.546</v>
          </cell>
          <cell r="AT1338">
            <v>2001</v>
          </cell>
          <cell r="AU1338">
            <v>8</v>
          </cell>
        </row>
        <row r="1339">
          <cell r="C1339">
            <v>1.5462</v>
          </cell>
          <cell r="AT1339">
            <v>2001</v>
          </cell>
          <cell r="AU1339">
            <v>8</v>
          </cell>
        </row>
        <row r="1340">
          <cell r="C1340">
            <v>1.5477000000000001</v>
          </cell>
          <cell r="AT1340">
            <v>2001</v>
          </cell>
          <cell r="AU1340">
            <v>9</v>
          </cell>
        </row>
        <row r="1341">
          <cell r="C1341">
            <v>1.5477000000000001</v>
          </cell>
          <cell r="AT1341">
            <v>2001</v>
          </cell>
          <cell r="AU1341">
            <v>9</v>
          </cell>
        </row>
        <row r="1342">
          <cell r="C1342">
            <v>1.5477000000000001</v>
          </cell>
          <cell r="AT1342">
            <v>2001</v>
          </cell>
          <cell r="AU1342">
            <v>9</v>
          </cell>
        </row>
        <row r="1343">
          <cell r="C1343">
            <v>1.5477000000000001</v>
          </cell>
          <cell r="AT1343">
            <v>2001</v>
          </cell>
          <cell r="AU1343">
            <v>9</v>
          </cell>
        </row>
        <row r="1344">
          <cell r="C1344">
            <v>1.5528</v>
          </cell>
          <cell r="AT1344">
            <v>2001</v>
          </cell>
          <cell r="AU1344">
            <v>9</v>
          </cell>
        </row>
        <row r="1345">
          <cell r="C1345">
            <v>1.5601</v>
          </cell>
          <cell r="AT1345">
            <v>2001</v>
          </cell>
          <cell r="AU1345">
            <v>9</v>
          </cell>
        </row>
        <row r="1346">
          <cell r="C1346">
            <v>1.5584</v>
          </cell>
          <cell r="AT1346">
            <v>2001</v>
          </cell>
          <cell r="AU1346">
            <v>9</v>
          </cell>
        </row>
        <row r="1347">
          <cell r="C1347">
            <v>1.5677000000000001</v>
          </cell>
          <cell r="AT1347">
            <v>2001</v>
          </cell>
          <cell r="AU1347">
            <v>9</v>
          </cell>
        </row>
        <row r="1348">
          <cell r="C1348">
            <v>1.5677000000000001</v>
          </cell>
          <cell r="AT1348">
            <v>2001</v>
          </cell>
          <cell r="AU1348">
            <v>9</v>
          </cell>
        </row>
        <row r="1349">
          <cell r="C1349">
            <v>1.5677000000000001</v>
          </cell>
          <cell r="AT1349">
            <v>2001</v>
          </cell>
          <cell r="AU1349">
            <v>9</v>
          </cell>
        </row>
        <row r="1350">
          <cell r="C1350">
            <v>1.5653999999999999</v>
          </cell>
          <cell r="AT1350">
            <v>2001</v>
          </cell>
          <cell r="AU1350">
            <v>9</v>
          </cell>
        </row>
        <row r="1351">
          <cell r="C1351">
            <v>1.5660000000000001</v>
          </cell>
          <cell r="AT1351">
            <v>2001</v>
          </cell>
          <cell r="AU1351">
            <v>9</v>
          </cell>
        </row>
        <row r="1352">
          <cell r="C1352">
            <v>1.5591999999999999</v>
          </cell>
          <cell r="AT1352">
            <v>2001</v>
          </cell>
          <cell r="AU1352">
            <v>9</v>
          </cell>
        </row>
        <row r="1353">
          <cell r="C1353">
            <v>1.5686</v>
          </cell>
          <cell r="AT1353">
            <v>2001</v>
          </cell>
          <cell r="AU1353">
            <v>9</v>
          </cell>
        </row>
        <row r="1354">
          <cell r="C1354">
            <v>1.5643</v>
          </cell>
          <cell r="AT1354">
            <v>2001</v>
          </cell>
          <cell r="AU1354">
            <v>9</v>
          </cell>
        </row>
        <row r="1355">
          <cell r="C1355">
            <v>1.5643</v>
          </cell>
          <cell r="AT1355">
            <v>2001</v>
          </cell>
          <cell r="AU1355">
            <v>9</v>
          </cell>
        </row>
        <row r="1356">
          <cell r="C1356">
            <v>1.5643</v>
          </cell>
          <cell r="AT1356">
            <v>2001</v>
          </cell>
          <cell r="AU1356">
            <v>9</v>
          </cell>
        </row>
        <row r="1357">
          <cell r="C1357">
            <v>1.5689</v>
          </cell>
          <cell r="AT1357">
            <v>2001</v>
          </cell>
          <cell r="AU1357">
            <v>9</v>
          </cell>
        </row>
        <row r="1358">
          <cell r="C1358">
            <v>1.5708</v>
          </cell>
          <cell r="AT1358">
            <v>2001</v>
          </cell>
          <cell r="AU1358">
            <v>9</v>
          </cell>
        </row>
        <row r="1359">
          <cell r="C1359">
            <v>1.5712999999999999</v>
          </cell>
          <cell r="AT1359">
            <v>2001</v>
          </cell>
          <cell r="AU1359">
            <v>9</v>
          </cell>
        </row>
        <row r="1360">
          <cell r="C1360">
            <v>1.5703</v>
          </cell>
          <cell r="AT1360">
            <v>2001</v>
          </cell>
          <cell r="AU1360">
            <v>9</v>
          </cell>
        </row>
        <row r="1361">
          <cell r="C1361">
            <v>1.5705</v>
          </cell>
          <cell r="AT1361">
            <v>2001</v>
          </cell>
          <cell r="AU1361">
            <v>9</v>
          </cell>
        </row>
        <row r="1362">
          <cell r="C1362">
            <v>1.5705</v>
          </cell>
          <cell r="AT1362">
            <v>2001</v>
          </cell>
          <cell r="AU1362">
            <v>9</v>
          </cell>
        </row>
        <row r="1363">
          <cell r="C1363">
            <v>1.5705</v>
          </cell>
          <cell r="AT1363">
            <v>2001</v>
          </cell>
          <cell r="AU1363">
            <v>9</v>
          </cell>
        </row>
        <row r="1364">
          <cell r="C1364">
            <v>1.5691999999999999</v>
          </cell>
          <cell r="AT1364">
            <v>2001</v>
          </cell>
          <cell r="AU1364">
            <v>9</v>
          </cell>
        </row>
        <row r="1365">
          <cell r="C1365">
            <v>1.5711999999999999</v>
          </cell>
          <cell r="AT1365">
            <v>2001</v>
          </cell>
          <cell r="AU1365">
            <v>9</v>
          </cell>
        </row>
        <row r="1366">
          <cell r="C1366">
            <v>1.5729</v>
          </cell>
          <cell r="AT1366">
            <v>2001</v>
          </cell>
          <cell r="AU1366">
            <v>9</v>
          </cell>
        </row>
        <row r="1367">
          <cell r="C1367">
            <v>1.5792999999999999</v>
          </cell>
          <cell r="AT1367">
            <v>2001</v>
          </cell>
          <cell r="AU1367">
            <v>9</v>
          </cell>
        </row>
        <row r="1368">
          <cell r="C1368">
            <v>1.579</v>
          </cell>
          <cell r="AT1368">
            <v>2001</v>
          </cell>
          <cell r="AU1368">
            <v>9</v>
          </cell>
        </row>
        <row r="1369">
          <cell r="C1369">
            <v>1.579</v>
          </cell>
          <cell r="AT1369">
            <v>2001</v>
          </cell>
          <cell r="AU1369">
            <v>9</v>
          </cell>
        </row>
        <row r="1370">
          <cell r="C1370">
            <v>1.579</v>
          </cell>
          <cell r="AT1370">
            <v>2001</v>
          </cell>
          <cell r="AU1370">
            <v>10</v>
          </cell>
        </row>
        <row r="1371">
          <cell r="C1371">
            <v>1.5789</v>
          </cell>
          <cell r="AT1371">
            <v>2001</v>
          </cell>
          <cell r="AU1371">
            <v>10</v>
          </cell>
        </row>
        <row r="1372">
          <cell r="C1372">
            <v>1.5688</v>
          </cell>
          <cell r="AT1372">
            <v>2001</v>
          </cell>
          <cell r="AU1372">
            <v>10</v>
          </cell>
        </row>
        <row r="1373">
          <cell r="C1373">
            <v>1.5681</v>
          </cell>
          <cell r="AT1373">
            <v>2001</v>
          </cell>
          <cell r="AU1373">
            <v>10</v>
          </cell>
        </row>
        <row r="1374">
          <cell r="C1374">
            <v>1.5663</v>
          </cell>
          <cell r="AT1374">
            <v>2001</v>
          </cell>
          <cell r="AU1374">
            <v>10</v>
          </cell>
        </row>
        <row r="1375">
          <cell r="C1375">
            <v>1.5616000000000001</v>
          </cell>
          <cell r="AT1375">
            <v>2001</v>
          </cell>
          <cell r="AU1375">
            <v>10</v>
          </cell>
        </row>
        <row r="1376">
          <cell r="C1376">
            <v>1.5616000000000001</v>
          </cell>
          <cell r="AT1376">
            <v>2001</v>
          </cell>
          <cell r="AU1376">
            <v>10</v>
          </cell>
        </row>
        <row r="1377">
          <cell r="C1377">
            <v>1.5616000000000001</v>
          </cell>
          <cell r="AT1377">
            <v>2001</v>
          </cell>
          <cell r="AU1377">
            <v>10</v>
          </cell>
        </row>
        <row r="1378">
          <cell r="C1378">
            <v>1.5616000000000001</v>
          </cell>
          <cell r="AT1378">
            <v>2001</v>
          </cell>
          <cell r="AU1378">
            <v>10</v>
          </cell>
        </row>
        <row r="1379">
          <cell r="C1379">
            <v>1.5637000000000001</v>
          </cell>
          <cell r="AT1379">
            <v>2001</v>
          </cell>
          <cell r="AU1379">
            <v>10</v>
          </cell>
        </row>
        <row r="1380">
          <cell r="C1380">
            <v>1.5679000000000001</v>
          </cell>
          <cell r="AT1380">
            <v>2001</v>
          </cell>
          <cell r="AU1380">
            <v>10</v>
          </cell>
        </row>
        <row r="1381">
          <cell r="C1381">
            <v>1.5684</v>
          </cell>
          <cell r="AT1381">
            <v>2001</v>
          </cell>
          <cell r="AU1381">
            <v>10</v>
          </cell>
        </row>
        <row r="1382">
          <cell r="C1382">
            <v>1.5657000000000001</v>
          </cell>
          <cell r="AT1382">
            <v>2001</v>
          </cell>
          <cell r="AU1382">
            <v>10</v>
          </cell>
        </row>
        <row r="1383">
          <cell r="C1383">
            <v>1.5657000000000001</v>
          </cell>
          <cell r="AT1383">
            <v>2001</v>
          </cell>
          <cell r="AU1383">
            <v>10</v>
          </cell>
        </row>
        <row r="1384">
          <cell r="C1384">
            <v>1.5657000000000001</v>
          </cell>
          <cell r="AT1384">
            <v>2001</v>
          </cell>
          <cell r="AU1384">
            <v>10</v>
          </cell>
        </row>
        <row r="1385">
          <cell r="C1385">
            <v>1.5579000000000001</v>
          </cell>
          <cell r="AT1385">
            <v>2001</v>
          </cell>
          <cell r="AU1385">
            <v>10</v>
          </cell>
        </row>
        <row r="1386">
          <cell r="C1386">
            <v>1.5619000000000001</v>
          </cell>
          <cell r="AT1386">
            <v>2001</v>
          </cell>
          <cell r="AU1386">
            <v>10</v>
          </cell>
        </row>
        <row r="1387">
          <cell r="C1387">
            <v>1.5685</v>
          </cell>
          <cell r="AT1387">
            <v>2001</v>
          </cell>
          <cell r="AU1387">
            <v>10</v>
          </cell>
        </row>
        <row r="1388">
          <cell r="C1388">
            <v>1.5760000000000001</v>
          </cell>
          <cell r="AT1388">
            <v>2001</v>
          </cell>
          <cell r="AU1388">
            <v>10</v>
          </cell>
        </row>
        <row r="1389">
          <cell r="C1389">
            <v>1.5758000000000001</v>
          </cell>
          <cell r="AT1389">
            <v>2001</v>
          </cell>
          <cell r="AU1389">
            <v>10</v>
          </cell>
        </row>
        <row r="1390">
          <cell r="C1390">
            <v>1.5758000000000001</v>
          </cell>
          <cell r="AT1390">
            <v>2001</v>
          </cell>
          <cell r="AU1390">
            <v>10</v>
          </cell>
        </row>
        <row r="1391">
          <cell r="C1391">
            <v>1.5758000000000001</v>
          </cell>
          <cell r="AT1391">
            <v>2001</v>
          </cell>
          <cell r="AU1391">
            <v>10</v>
          </cell>
        </row>
        <row r="1392">
          <cell r="C1392">
            <v>1.5783</v>
          </cell>
          <cell r="AT1392">
            <v>2001</v>
          </cell>
          <cell r="AU1392">
            <v>10</v>
          </cell>
        </row>
        <row r="1393">
          <cell r="C1393">
            <v>1.5720000000000001</v>
          </cell>
          <cell r="AT1393">
            <v>2001</v>
          </cell>
          <cell r="AU1393">
            <v>10</v>
          </cell>
        </row>
        <row r="1394">
          <cell r="C1394">
            <v>1.5745</v>
          </cell>
          <cell r="AT1394">
            <v>2001</v>
          </cell>
          <cell r="AU1394">
            <v>10</v>
          </cell>
        </row>
        <row r="1395">
          <cell r="C1395">
            <v>1.5768</v>
          </cell>
          <cell r="AT1395">
            <v>2001</v>
          </cell>
          <cell r="AU1395">
            <v>10</v>
          </cell>
        </row>
        <row r="1396">
          <cell r="C1396">
            <v>1.5751999999999999</v>
          </cell>
          <cell r="AT1396">
            <v>2001</v>
          </cell>
          <cell r="AU1396">
            <v>10</v>
          </cell>
        </row>
        <row r="1397">
          <cell r="C1397">
            <v>1.5751999999999999</v>
          </cell>
          <cell r="AT1397">
            <v>2001</v>
          </cell>
          <cell r="AU1397">
            <v>10</v>
          </cell>
        </row>
        <row r="1398">
          <cell r="C1398">
            <v>1.5751999999999999</v>
          </cell>
          <cell r="AT1398">
            <v>2001</v>
          </cell>
          <cell r="AU1398">
            <v>10</v>
          </cell>
        </row>
        <row r="1399">
          <cell r="C1399">
            <v>1.5746</v>
          </cell>
          <cell r="AT1399">
            <v>2001</v>
          </cell>
          <cell r="AU1399">
            <v>10</v>
          </cell>
        </row>
        <row r="1400">
          <cell r="C1400">
            <v>1.5783</v>
          </cell>
          <cell r="AT1400">
            <v>2001</v>
          </cell>
          <cell r="AU1400">
            <v>10</v>
          </cell>
        </row>
        <row r="1401">
          <cell r="C1401">
            <v>1.5867</v>
          </cell>
          <cell r="AT1401">
            <v>2001</v>
          </cell>
          <cell r="AU1401">
            <v>11</v>
          </cell>
        </row>
        <row r="1402">
          <cell r="C1402">
            <v>1.591</v>
          </cell>
          <cell r="AT1402">
            <v>2001</v>
          </cell>
          <cell r="AU1402">
            <v>11</v>
          </cell>
        </row>
        <row r="1403">
          <cell r="C1403">
            <v>1.5922000000000001</v>
          </cell>
          <cell r="AT1403">
            <v>2001</v>
          </cell>
          <cell r="AU1403">
            <v>11</v>
          </cell>
        </row>
        <row r="1404">
          <cell r="C1404">
            <v>1.5922000000000001</v>
          </cell>
          <cell r="AT1404">
            <v>2001</v>
          </cell>
          <cell r="AU1404">
            <v>11</v>
          </cell>
        </row>
        <row r="1405">
          <cell r="C1405">
            <v>1.5922000000000001</v>
          </cell>
          <cell r="AT1405">
            <v>2001</v>
          </cell>
          <cell r="AU1405">
            <v>11</v>
          </cell>
        </row>
        <row r="1406">
          <cell r="C1406">
            <v>1.5955999999999999</v>
          </cell>
          <cell r="AT1406">
            <v>2001</v>
          </cell>
          <cell r="AU1406">
            <v>11</v>
          </cell>
        </row>
        <row r="1407">
          <cell r="C1407">
            <v>1.5935999999999999</v>
          </cell>
          <cell r="AT1407">
            <v>2001</v>
          </cell>
          <cell r="AU1407">
            <v>11</v>
          </cell>
        </row>
        <row r="1408">
          <cell r="C1408">
            <v>1.5935999999999999</v>
          </cell>
          <cell r="AT1408">
            <v>2001</v>
          </cell>
          <cell r="AU1408">
            <v>11</v>
          </cell>
        </row>
        <row r="1409">
          <cell r="C1409">
            <v>1.5981000000000001</v>
          </cell>
          <cell r="AT1409">
            <v>2001</v>
          </cell>
          <cell r="AU1409">
            <v>11</v>
          </cell>
        </row>
        <row r="1410">
          <cell r="C1410">
            <v>1.6021000000000001</v>
          </cell>
          <cell r="AT1410">
            <v>2001</v>
          </cell>
          <cell r="AU1410">
            <v>11</v>
          </cell>
        </row>
        <row r="1411">
          <cell r="C1411">
            <v>1.6021000000000001</v>
          </cell>
          <cell r="AT1411">
            <v>2001</v>
          </cell>
          <cell r="AU1411">
            <v>11</v>
          </cell>
        </row>
        <row r="1412">
          <cell r="C1412">
            <v>1.6021000000000001</v>
          </cell>
          <cell r="AT1412">
            <v>2001</v>
          </cell>
          <cell r="AU1412">
            <v>11</v>
          </cell>
        </row>
        <row r="1413">
          <cell r="C1413">
            <v>1.6021000000000001</v>
          </cell>
          <cell r="AT1413">
            <v>2001</v>
          </cell>
          <cell r="AU1413">
            <v>11</v>
          </cell>
        </row>
        <row r="1414">
          <cell r="C1414">
            <v>1.5981000000000001</v>
          </cell>
          <cell r="AT1414">
            <v>2001</v>
          </cell>
          <cell r="AU1414">
            <v>11</v>
          </cell>
        </row>
        <row r="1415">
          <cell r="C1415">
            <v>1.5915999999999999</v>
          </cell>
          <cell r="AT1415">
            <v>2001</v>
          </cell>
          <cell r="AU1415">
            <v>11</v>
          </cell>
        </row>
        <row r="1416">
          <cell r="C1416">
            <v>1.5868</v>
          </cell>
          <cell r="AT1416">
            <v>2001</v>
          </cell>
          <cell r="AU1416">
            <v>11</v>
          </cell>
        </row>
        <row r="1417">
          <cell r="C1417">
            <v>1.5874999999999999</v>
          </cell>
          <cell r="AT1417">
            <v>2001</v>
          </cell>
          <cell r="AU1417">
            <v>11</v>
          </cell>
        </row>
        <row r="1418">
          <cell r="C1418">
            <v>1.5874999999999999</v>
          </cell>
          <cell r="AT1418">
            <v>2001</v>
          </cell>
          <cell r="AU1418">
            <v>11</v>
          </cell>
        </row>
        <row r="1419">
          <cell r="C1419">
            <v>1.5874999999999999</v>
          </cell>
          <cell r="AT1419">
            <v>2001</v>
          </cell>
          <cell r="AU1419">
            <v>11</v>
          </cell>
        </row>
        <row r="1420">
          <cell r="C1420">
            <v>1.5845</v>
          </cell>
          <cell r="AT1420">
            <v>2001</v>
          </cell>
          <cell r="AU1420">
            <v>11</v>
          </cell>
        </row>
        <row r="1421">
          <cell r="C1421">
            <v>1.5932999999999999</v>
          </cell>
          <cell r="AT1421">
            <v>2001</v>
          </cell>
          <cell r="AU1421">
            <v>11</v>
          </cell>
        </row>
        <row r="1422">
          <cell r="C1422">
            <v>1.6013999999999999</v>
          </cell>
          <cell r="AT1422">
            <v>2001</v>
          </cell>
          <cell r="AU1422">
            <v>11</v>
          </cell>
        </row>
        <row r="1423">
          <cell r="C1423">
            <v>1.5994999999999999</v>
          </cell>
          <cell r="AT1423">
            <v>2001</v>
          </cell>
          <cell r="AU1423">
            <v>11</v>
          </cell>
        </row>
        <row r="1424">
          <cell r="C1424">
            <v>1.5981000000000001</v>
          </cell>
          <cell r="AT1424">
            <v>2001</v>
          </cell>
          <cell r="AU1424">
            <v>11</v>
          </cell>
        </row>
        <row r="1425">
          <cell r="C1425">
            <v>1.5981000000000001</v>
          </cell>
          <cell r="AT1425">
            <v>2001</v>
          </cell>
          <cell r="AU1425">
            <v>11</v>
          </cell>
        </row>
        <row r="1426">
          <cell r="C1426">
            <v>1.5981000000000001</v>
          </cell>
          <cell r="AT1426">
            <v>2001</v>
          </cell>
          <cell r="AU1426">
            <v>11</v>
          </cell>
        </row>
        <row r="1427">
          <cell r="C1427">
            <v>1.6</v>
          </cell>
          <cell r="AT1427">
            <v>2001</v>
          </cell>
          <cell r="AU1427">
            <v>11</v>
          </cell>
        </row>
        <row r="1428">
          <cell r="C1428">
            <v>1.5948</v>
          </cell>
          <cell r="AT1428">
            <v>2001</v>
          </cell>
          <cell r="AU1428">
            <v>11</v>
          </cell>
        </row>
        <row r="1429">
          <cell r="C1429">
            <v>1.5847</v>
          </cell>
          <cell r="AT1429">
            <v>2001</v>
          </cell>
          <cell r="AU1429">
            <v>11</v>
          </cell>
        </row>
        <row r="1430">
          <cell r="C1430">
            <v>1.5826</v>
          </cell>
          <cell r="AT1430">
            <v>2001</v>
          </cell>
          <cell r="AU1430">
            <v>11</v>
          </cell>
        </row>
        <row r="1431">
          <cell r="C1431">
            <v>1.5718000000000001</v>
          </cell>
          <cell r="AT1431">
            <v>2001</v>
          </cell>
          <cell r="AU1431">
            <v>12</v>
          </cell>
        </row>
        <row r="1432">
          <cell r="C1432">
            <v>1.5718000000000001</v>
          </cell>
          <cell r="AT1432">
            <v>2001</v>
          </cell>
          <cell r="AU1432">
            <v>12</v>
          </cell>
        </row>
        <row r="1433">
          <cell r="C1433">
            <v>1.5718000000000001</v>
          </cell>
          <cell r="AT1433">
            <v>2001</v>
          </cell>
          <cell r="AU1433">
            <v>12</v>
          </cell>
        </row>
        <row r="1434">
          <cell r="C1434">
            <v>1.5760000000000001</v>
          </cell>
          <cell r="AT1434">
            <v>2001</v>
          </cell>
          <cell r="AU1434">
            <v>12</v>
          </cell>
        </row>
        <row r="1435">
          <cell r="C1435">
            <v>1.5723</v>
          </cell>
          <cell r="AT1435">
            <v>2001</v>
          </cell>
          <cell r="AU1435">
            <v>12</v>
          </cell>
        </row>
        <row r="1436">
          <cell r="C1436">
            <v>1.5713999999999999</v>
          </cell>
          <cell r="AT1436">
            <v>2001</v>
          </cell>
          <cell r="AU1436">
            <v>12</v>
          </cell>
        </row>
        <row r="1437">
          <cell r="C1437">
            <v>1.5767</v>
          </cell>
          <cell r="AT1437">
            <v>2001</v>
          </cell>
          <cell r="AU1437">
            <v>12</v>
          </cell>
        </row>
        <row r="1438">
          <cell r="C1438">
            <v>1.5724</v>
          </cell>
          <cell r="AT1438">
            <v>2001</v>
          </cell>
          <cell r="AU1438">
            <v>12</v>
          </cell>
        </row>
        <row r="1439">
          <cell r="C1439">
            <v>1.5724</v>
          </cell>
          <cell r="AT1439">
            <v>2001</v>
          </cell>
          <cell r="AU1439">
            <v>12</v>
          </cell>
        </row>
        <row r="1440">
          <cell r="C1440">
            <v>1.5724</v>
          </cell>
          <cell r="AT1440">
            <v>2001</v>
          </cell>
          <cell r="AU1440">
            <v>12</v>
          </cell>
        </row>
        <row r="1441">
          <cell r="C1441">
            <v>1.5783</v>
          </cell>
          <cell r="AT1441">
            <v>2001</v>
          </cell>
          <cell r="AU1441">
            <v>12</v>
          </cell>
        </row>
        <row r="1442">
          <cell r="C1442">
            <v>1.5778000000000001</v>
          </cell>
          <cell r="AT1442">
            <v>2001</v>
          </cell>
          <cell r="AU1442">
            <v>12</v>
          </cell>
        </row>
        <row r="1443">
          <cell r="C1443">
            <v>1.5653999999999999</v>
          </cell>
          <cell r="AT1443">
            <v>2001</v>
          </cell>
          <cell r="AU1443">
            <v>12</v>
          </cell>
        </row>
        <row r="1444">
          <cell r="C1444">
            <v>1.5677000000000001</v>
          </cell>
          <cell r="AT1444">
            <v>2001</v>
          </cell>
          <cell r="AU1444">
            <v>12</v>
          </cell>
        </row>
        <row r="1445">
          <cell r="C1445">
            <v>1.5632999999999999</v>
          </cell>
          <cell r="AT1445">
            <v>2001</v>
          </cell>
          <cell r="AU1445">
            <v>12</v>
          </cell>
        </row>
        <row r="1446">
          <cell r="C1446">
            <v>1.5632999999999999</v>
          </cell>
          <cell r="AT1446">
            <v>2001</v>
          </cell>
          <cell r="AU1446">
            <v>12</v>
          </cell>
        </row>
        <row r="1447">
          <cell r="C1447">
            <v>1.5632999999999999</v>
          </cell>
          <cell r="AT1447">
            <v>2001</v>
          </cell>
          <cell r="AU1447">
            <v>12</v>
          </cell>
        </row>
        <row r="1448">
          <cell r="C1448">
            <v>1.5646</v>
          </cell>
          <cell r="AT1448">
            <v>2001</v>
          </cell>
          <cell r="AU1448">
            <v>12</v>
          </cell>
        </row>
        <row r="1449">
          <cell r="C1449">
            <v>1.573</v>
          </cell>
          <cell r="AT1449">
            <v>2001</v>
          </cell>
          <cell r="AU1449">
            <v>12</v>
          </cell>
        </row>
        <row r="1450">
          <cell r="C1450">
            <v>1.5742</v>
          </cell>
          <cell r="AT1450">
            <v>2001</v>
          </cell>
          <cell r="AU1450">
            <v>12</v>
          </cell>
        </row>
        <row r="1451">
          <cell r="C1451">
            <v>1.5774999999999999</v>
          </cell>
          <cell r="AT1451">
            <v>2001</v>
          </cell>
          <cell r="AU1451">
            <v>12</v>
          </cell>
        </row>
        <row r="1452">
          <cell r="C1452">
            <v>1.5846</v>
          </cell>
          <cell r="AT1452">
            <v>2001</v>
          </cell>
          <cell r="AU1452">
            <v>12</v>
          </cell>
        </row>
        <row r="1453">
          <cell r="C1453">
            <v>1.5846</v>
          </cell>
          <cell r="AT1453">
            <v>2001</v>
          </cell>
          <cell r="AU1453">
            <v>12</v>
          </cell>
        </row>
        <row r="1454">
          <cell r="C1454">
            <v>1.5846</v>
          </cell>
          <cell r="AT1454">
            <v>2001</v>
          </cell>
          <cell r="AU1454">
            <v>12</v>
          </cell>
        </row>
        <row r="1455">
          <cell r="C1455">
            <v>1.5934999999999999</v>
          </cell>
          <cell r="AT1455">
            <v>2001</v>
          </cell>
          <cell r="AU1455">
            <v>12</v>
          </cell>
        </row>
        <row r="1456">
          <cell r="C1456">
            <v>1.5934999999999999</v>
          </cell>
          <cell r="AT1456">
            <v>2001</v>
          </cell>
          <cell r="AU1456">
            <v>12</v>
          </cell>
        </row>
        <row r="1457">
          <cell r="C1457">
            <v>1.5934999999999999</v>
          </cell>
          <cell r="AT1457">
            <v>2001</v>
          </cell>
          <cell r="AU1457">
            <v>12</v>
          </cell>
        </row>
        <row r="1458">
          <cell r="C1458">
            <v>1.595</v>
          </cell>
          <cell r="AT1458">
            <v>2001</v>
          </cell>
          <cell r="AU1458">
            <v>12</v>
          </cell>
        </row>
        <row r="1459">
          <cell r="C1459">
            <v>1.5955999999999999</v>
          </cell>
          <cell r="AT1459">
            <v>2001</v>
          </cell>
          <cell r="AU1459">
            <v>12</v>
          </cell>
        </row>
        <row r="1460">
          <cell r="C1460">
            <v>1.5955999999999999</v>
          </cell>
          <cell r="AT1460">
            <v>2001</v>
          </cell>
          <cell r="AU1460">
            <v>12</v>
          </cell>
        </row>
        <row r="1461">
          <cell r="C1461">
            <v>1.5955999999999999</v>
          </cell>
          <cell r="AT1461">
            <v>2001</v>
          </cell>
          <cell r="AU1461">
            <v>12</v>
          </cell>
        </row>
        <row r="1462">
          <cell r="C1462">
            <v>1.5926</v>
          </cell>
          <cell r="AT1462">
            <v>2002</v>
          </cell>
          <cell r="AU1462">
            <v>1</v>
          </cell>
        </row>
        <row r="1463">
          <cell r="C1463">
            <v>1.5926</v>
          </cell>
          <cell r="AT1463">
            <v>2002</v>
          </cell>
          <cell r="AU1463">
            <v>1</v>
          </cell>
        </row>
        <row r="1464">
          <cell r="C1464">
            <v>1.5979000000000001</v>
          </cell>
          <cell r="AT1464">
            <v>2002</v>
          </cell>
          <cell r="AU1464">
            <v>1</v>
          </cell>
        </row>
        <row r="1465">
          <cell r="C1465">
            <v>1.5968</v>
          </cell>
          <cell r="AT1465">
            <v>2002</v>
          </cell>
          <cell r="AU1465">
            <v>1</v>
          </cell>
        </row>
        <row r="1466">
          <cell r="C1466">
            <v>1.5974999999999999</v>
          </cell>
          <cell r="AT1466">
            <v>2002</v>
          </cell>
          <cell r="AU1466">
            <v>1</v>
          </cell>
        </row>
        <row r="1467">
          <cell r="C1467">
            <v>1.5974999999999999</v>
          </cell>
          <cell r="AT1467">
            <v>2002</v>
          </cell>
          <cell r="AU1467">
            <v>1</v>
          </cell>
        </row>
        <row r="1468">
          <cell r="C1468">
            <v>1.5974999999999999</v>
          </cell>
          <cell r="AT1468">
            <v>2002</v>
          </cell>
          <cell r="AU1468">
            <v>1</v>
          </cell>
        </row>
        <row r="1469">
          <cell r="C1469">
            <v>1.5979000000000001</v>
          </cell>
          <cell r="AT1469">
            <v>2002</v>
          </cell>
          <cell r="AU1469">
            <v>1</v>
          </cell>
        </row>
        <row r="1470">
          <cell r="C1470">
            <v>1.595</v>
          </cell>
          <cell r="AT1470">
            <v>2002</v>
          </cell>
          <cell r="AU1470">
            <v>1</v>
          </cell>
        </row>
        <row r="1471">
          <cell r="C1471">
            <v>1.5962000000000001</v>
          </cell>
          <cell r="AT1471">
            <v>2002</v>
          </cell>
          <cell r="AU1471">
            <v>1</v>
          </cell>
        </row>
        <row r="1472">
          <cell r="C1472">
            <v>1.6011</v>
          </cell>
          <cell r="AT1472">
            <v>2002</v>
          </cell>
          <cell r="AU1472">
            <v>1</v>
          </cell>
        </row>
        <row r="1473">
          <cell r="C1473">
            <v>1.5972</v>
          </cell>
          <cell r="AT1473">
            <v>2002</v>
          </cell>
          <cell r="AU1473">
            <v>1</v>
          </cell>
        </row>
        <row r="1474">
          <cell r="C1474">
            <v>1.5972</v>
          </cell>
          <cell r="AT1474">
            <v>2002</v>
          </cell>
          <cell r="AU1474">
            <v>1</v>
          </cell>
        </row>
        <row r="1475">
          <cell r="C1475">
            <v>1.5972</v>
          </cell>
          <cell r="AT1475">
            <v>2002</v>
          </cell>
          <cell r="AU1475">
            <v>1</v>
          </cell>
        </row>
        <row r="1476">
          <cell r="C1476">
            <v>1.5971</v>
          </cell>
          <cell r="AT1476">
            <v>2002</v>
          </cell>
          <cell r="AU1476">
            <v>1</v>
          </cell>
        </row>
        <row r="1477">
          <cell r="C1477">
            <v>1.5896999999999999</v>
          </cell>
          <cell r="AT1477">
            <v>2002</v>
          </cell>
          <cell r="AU1477">
            <v>1</v>
          </cell>
        </row>
        <row r="1478">
          <cell r="C1478">
            <v>1.5947</v>
          </cell>
          <cell r="AT1478">
            <v>2002</v>
          </cell>
          <cell r="AU1478">
            <v>1</v>
          </cell>
        </row>
        <row r="1479">
          <cell r="C1479">
            <v>1.6107</v>
          </cell>
          <cell r="AT1479">
            <v>2002</v>
          </cell>
          <cell r="AU1479">
            <v>1</v>
          </cell>
        </row>
        <row r="1480">
          <cell r="C1480">
            <v>1.6132</v>
          </cell>
          <cell r="AT1480">
            <v>2002</v>
          </cell>
          <cell r="AU1480">
            <v>1</v>
          </cell>
        </row>
        <row r="1481">
          <cell r="C1481">
            <v>1.6132</v>
          </cell>
          <cell r="AT1481">
            <v>2002</v>
          </cell>
          <cell r="AU1481">
            <v>1</v>
          </cell>
        </row>
        <row r="1482">
          <cell r="C1482">
            <v>1.6132</v>
          </cell>
          <cell r="AT1482">
            <v>2002</v>
          </cell>
          <cell r="AU1482">
            <v>1</v>
          </cell>
        </row>
        <row r="1483">
          <cell r="C1483">
            <v>1.6128</v>
          </cell>
          <cell r="AT1483">
            <v>2002</v>
          </cell>
          <cell r="AU1483">
            <v>1</v>
          </cell>
        </row>
        <row r="1484">
          <cell r="C1484">
            <v>1.6083000000000001</v>
          </cell>
          <cell r="AT1484">
            <v>2002</v>
          </cell>
          <cell r="AU1484">
            <v>1</v>
          </cell>
        </row>
        <row r="1485">
          <cell r="C1485">
            <v>1.6039000000000001</v>
          </cell>
          <cell r="AT1485">
            <v>2002</v>
          </cell>
          <cell r="AU1485">
            <v>1</v>
          </cell>
        </row>
        <row r="1486">
          <cell r="C1486">
            <v>1.6020000000000001</v>
          </cell>
          <cell r="AT1486">
            <v>2002</v>
          </cell>
          <cell r="AU1486">
            <v>1</v>
          </cell>
        </row>
        <row r="1487">
          <cell r="C1487">
            <v>1.6079000000000001</v>
          </cell>
          <cell r="AT1487">
            <v>2002</v>
          </cell>
          <cell r="AU1487">
            <v>1</v>
          </cell>
        </row>
        <row r="1488">
          <cell r="C1488">
            <v>1.6079000000000001</v>
          </cell>
          <cell r="AT1488">
            <v>2002</v>
          </cell>
          <cell r="AU1488">
            <v>1</v>
          </cell>
        </row>
        <row r="1489">
          <cell r="C1489">
            <v>1.6079000000000001</v>
          </cell>
          <cell r="AT1489">
            <v>2002</v>
          </cell>
          <cell r="AU1489">
            <v>1</v>
          </cell>
        </row>
        <row r="1490">
          <cell r="C1490">
            <v>1.6125</v>
          </cell>
          <cell r="AT1490">
            <v>2002</v>
          </cell>
          <cell r="AU1490">
            <v>1</v>
          </cell>
        </row>
        <row r="1491">
          <cell r="C1491">
            <v>1.5904</v>
          </cell>
          <cell r="AT1491">
            <v>2002</v>
          </cell>
          <cell r="AU1491">
            <v>1</v>
          </cell>
        </row>
        <row r="1492">
          <cell r="C1492">
            <v>1.5911999999999999</v>
          </cell>
          <cell r="AT1492">
            <v>2002</v>
          </cell>
          <cell r="AU1492">
            <v>1</v>
          </cell>
        </row>
        <row r="1493">
          <cell r="C1493">
            <v>1.5923</v>
          </cell>
          <cell r="AT1493">
            <v>2002</v>
          </cell>
          <cell r="AU1493">
            <v>2</v>
          </cell>
        </row>
        <row r="1494">
          <cell r="C1494">
            <v>1.5907</v>
          </cell>
          <cell r="AT1494">
            <v>2002</v>
          </cell>
          <cell r="AU1494">
            <v>2</v>
          </cell>
        </row>
        <row r="1495">
          <cell r="C1495">
            <v>1.5907</v>
          </cell>
          <cell r="AT1495">
            <v>2002</v>
          </cell>
          <cell r="AU1495">
            <v>2</v>
          </cell>
        </row>
        <row r="1496">
          <cell r="C1496">
            <v>1.5907</v>
          </cell>
          <cell r="AT1496">
            <v>2002</v>
          </cell>
          <cell r="AU1496">
            <v>2</v>
          </cell>
        </row>
        <row r="1497">
          <cell r="C1497">
            <v>1.5914999999999999</v>
          </cell>
          <cell r="AT1497">
            <v>2002</v>
          </cell>
          <cell r="AU1497">
            <v>2</v>
          </cell>
        </row>
        <row r="1498">
          <cell r="C1498">
            <v>1.5978000000000001</v>
          </cell>
          <cell r="AT1498">
            <v>2002</v>
          </cell>
          <cell r="AU1498">
            <v>2</v>
          </cell>
        </row>
        <row r="1499">
          <cell r="C1499">
            <v>1.6040000000000001</v>
          </cell>
          <cell r="AT1499">
            <v>2002</v>
          </cell>
          <cell r="AU1499">
            <v>2</v>
          </cell>
        </row>
        <row r="1500">
          <cell r="C1500">
            <v>1.5988</v>
          </cell>
          <cell r="AT1500">
            <v>2002</v>
          </cell>
          <cell r="AU1500">
            <v>2</v>
          </cell>
        </row>
        <row r="1501">
          <cell r="C1501">
            <v>1.5973999999999999</v>
          </cell>
          <cell r="AT1501">
            <v>2002</v>
          </cell>
          <cell r="AU1501">
            <v>2</v>
          </cell>
        </row>
        <row r="1502">
          <cell r="C1502">
            <v>1.5973999999999999</v>
          </cell>
          <cell r="AT1502">
            <v>2002</v>
          </cell>
          <cell r="AU1502">
            <v>2</v>
          </cell>
        </row>
        <row r="1503">
          <cell r="C1503">
            <v>1.5973999999999999</v>
          </cell>
          <cell r="AT1503">
            <v>2002</v>
          </cell>
          <cell r="AU1503">
            <v>2</v>
          </cell>
        </row>
        <row r="1504">
          <cell r="C1504">
            <v>1.5898000000000001</v>
          </cell>
          <cell r="AT1504">
            <v>2002</v>
          </cell>
          <cell r="AU1504">
            <v>2</v>
          </cell>
        </row>
        <row r="1505">
          <cell r="C1505">
            <v>1.5918000000000001</v>
          </cell>
          <cell r="AT1505">
            <v>2002</v>
          </cell>
          <cell r="AU1505">
            <v>2</v>
          </cell>
        </row>
        <row r="1506">
          <cell r="C1506">
            <v>1.5906</v>
          </cell>
          <cell r="AT1506">
            <v>2002</v>
          </cell>
          <cell r="AU1506">
            <v>2</v>
          </cell>
        </row>
        <row r="1507">
          <cell r="C1507">
            <v>1.5920000000000001</v>
          </cell>
          <cell r="AT1507">
            <v>2002</v>
          </cell>
          <cell r="AU1507">
            <v>2</v>
          </cell>
        </row>
        <row r="1508">
          <cell r="C1508">
            <v>1.5911999999999999</v>
          </cell>
          <cell r="AT1508">
            <v>2002</v>
          </cell>
          <cell r="AU1508">
            <v>2</v>
          </cell>
        </row>
        <row r="1509">
          <cell r="C1509">
            <v>1.5911999999999999</v>
          </cell>
          <cell r="AT1509">
            <v>2002</v>
          </cell>
          <cell r="AU1509">
            <v>2</v>
          </cell>
        </row>
        <row r="1510">
          <cell r="C1510">
            <v>1.5911999999999999</v>
          </cell>
          <cell r="AT1510">
            <v>2002</v>
          </cell>
          <cell r="AU1510">
            <v>2</v>
          </cell>
        </row>
        <row r="1511">
          <cell r="C1511">
            <v>1.5911</v>
          </cell>
          <cell r="AT1511">
            <v>2002</v>
          </cell>
          <cell r="AU1511">
            <v>2</v>
          </cell>
        </row>
        <row r="1512">
          <cell r="C1512">
            <v>1.5885</v>
          </cell>
          <cell r="AT1512">
            <v>2002</v>
          </cell>
          <cell r="AU1512">
            <v>2</v>
          </cell>
        </row>
        <row r="1513">
          <cell r="C1513">
            <v>1.5905</v>
          </cell>
          <cell r="AT1513">
            <v>2002</v>
          </cell>
          <cell r="AU1513">
            <v>2</v>
          </cell>
        </row>
        <row r="1514">
          <cell r="C1514">
            <v>1.5912999999999999</v>
          </cell>
          <cell r="AT1514">
            <v>2002</v>
          </cell>
          <cell r="AU1514">
            <v>2</v>
          </cell>
        </row>
        <row r="1515">
          <cell r="C1515">
            <v>1.5943000000000001</v>
          </cell>
          <cell r="AT1515">
            <v>2002</v>
          </cell>
          <cell r="AU1515">
            <v>2</v>
          </cell>
        </row>
        <row r="1516">
          <cell r="C1516">
            <v>1.5943000000000001</v>
          </cell>
          <cell r="AT1516">
            <v>2002</v>
          </cell>
          <cell r="AU1516">
            <v>2</v>
          </cell>
        </row>
        <row r="1517">
          <cell r="C1517">
            <v>1.5943000000000001</v>
          </cell>
          <cell r="AT1517">
            <v>2002</v>
          </cell>
          <cell r="AU1517">
            <v>2</v>
          </cell>
        </row>
        <row r="1518">
          <cell r="C1518">
            <v>1.6015999999999999</v>
          </cell>
          <cell r="AT1518">
            <v>2002</v>
          </cell>
          <cell r="AU1518">
            <v>2</v>
          </cell>
        </row>
        <row r="1519">
          <cell r="C1519">
            <v>1.611</v>
          </cell>
          <cell r="AT1519">
            <v>2002</v>
          </cell>
          <cell r="AU1519">
            <v>2</v>
          </cell>
        </row>
        <row r="1520">
          <cell r="C1520">
            <v>1.6083000000000001</v>
          </cell>
          <cell r="AT1520">
            <v>2002</v>
          </cell>
          <cell r="AU1520">
            <v>2</v>
          </cell>
        </row>
        <row r="1521">
          <cell r="C1521">
            <v>1.6047</v>
          </cell>
          <cell r="AT1521">
            <v>2002</v>
          </cell>
          <cell r="AU1521">
            <v>3</v>
          </cell>
        </row>
        <row r="1522">
          <cell r="C1522">
            <v>1.5952</v>
          </cell>
          <cell r="AT1522">
            <v>2002</v>
          </cell>
          <cell r="AU1522">
            <v>3</v>
          </cell>
        </row>
        <row r="1523">
          <cell r="C1523">
            <v>1.5952</v>
          </cell>
          <cell r="AT1523">
            <v>2002</v>
          </cell>
          <cell r="AU1523">
            <v>3</v>
          </cell>
        </row>
        <row r="1524">
          <cell r="C1524">
            <v>1.5952</v>
          </cell>
          <cell r="AT1524">
            <v>2002</v>
          </cell>
          <cell r="AU1524">
            <v>3</v>
          </cell>
        </row>
        <row r="1525">
          <cell r="C1525">
            <v>1.5894999999999999</v>
          </cell>
          <cell r="AT1525">
            <v>2002</v>
          </cell>
          <cell r="AU1525">
            <v>3</v>
          </cell>
        </row>
        <row r="1526">
          <cell r="C1526">
            <v>1.5902000000000001</v>
          </cell>
          <cell r="AT1526">
            <v>2002</v>
          </cell>
          <cell r="AU1526">
            <v>3</v>
          </cell>
        </row>
        <row r="1527">
          <cell r="C1527">
            <v>1.5831999999999999</v>
          </cell>
          <cell r="AT1527">
            <v>2002</v>
          </cell>
          <cell r="AU1527">
            <v>3</v>
          </cell>
        </row>
        <row r="1528">
          <cell r="C1528">
            <v>1.5823</v>
          </cell>
          <cell r="AT1528">
            <v>2002</v>
          </cell>
          <cell r="AU1528">
            <v>3</v>
          </cell>
        </row>
        <row r="1529">
          <cell r="C1529">
            <v>1.5855999999999999</v>
          </cell>
          <cell r="AT1529">
            <v>2002</v>
          </cell>
          <cell r="AU1529">
            <v>3</v>
          </cell>
        </row>
        <row r="1530">
          <cell r="C1530">
            <v>1.5855999999999999</v>
          </cell>
          <cell r="AT1530">
            <v>2002</v>
          </cell>
          <cell r="AU1530">
            <v>3</v>
          </cell>
        </row>
        <row r="1531">
          <cell r="C1531">
            <v>1.5855999999999999</v>
          </cell>
          <cell r="AT1531">
            <v>2002</v>
          </cell>
          <cell r="AU1531">
            <v>3</v>
          </cell>
        </row>
        <row r="1532">
          <cell r="C1532">
            <v>1.5842000000000001</v>
          </cell>
          <cell r="AT1532">
            <v>2002</v>
          </cell>
          <cell r="AU1532">
            <v>3</v>
          </cell>
        </row>
        <row r="1533">
          <cell r="C1533">
            <v>1.5854999999999999</v>
          </cell>
          <cell r="AT1533">
            <v>2002</v>
          </cell>
          <cell r="AU1533">
            <v>3</v>
          </cell>
        </row>
        <row r="1534">
          <cell r="C1534">
            <v>1.5931999999999999</v>
          </cell>
          <cell r="AT1534">
            <v>2002</v>
          </cell>
          <cell r="AU1534">
            <v>3</v>
          </cell>
        </row>
        <row r="1535">
          <cell r="C1535">
            <v>1.5934999999999999</v>
          </cell>
          <cell r="AT1535">
            <v>2002</v>
          </cell>
          <cell r="AU1535">
            <v>3</v>
          </cell>
        </row>
        <row r="1536">
          <cell r="C1536">
            <v>1.5858000000000001</v>
          </cell>
          <cell r="AT1536">
            <v>2002</v>
          </cell>
          <cell r="AU1536">
            <v>3</v>
          </cell>
        </row>
        <row r="1537">
          <cell r="C1537">
            <v>1.5858000000000001</v>
          </cell>
          <cell r="AT1537">
            <v>2002</v>
          </cell>
          <cell r="AU1537">
            <v>3</v>
          </cell>
        </row>
        <row r="1538">
          <cell r="C1538">
            <v>1.5858000000000001</v>
          </cell>
          <cell r="AT1538">
            <v>2002</v>
          </cell>
          <cell r="AU1538">
            <v>3</v>
          </cell>
        </row>
        <row r="1539">
          <cell r="C1539">
            <v>1.5878000000000001</v>
          </cell>
          <cell r="AT1539">
            <v>2002</v>
          </cell>
          <cell r="AU1539">
            <v>3</v>
          </cell>
        </row>
        <row r="1540">
          <cell r="C1540">
            <v>1.5839000000000001</v>
          </cell>
          <cell r="AT1540">
            <v>2002</v>
          </cell>
          <cell r="AU1540">
            <v>3</v>
          </cell>
        </row>
        <row r="1541">
          <cell r="C1541">
            <v>1.5790999999999999</v>
          </cell>
          <cell r="AT1541">
            <v>2002</v>
          </cell>
          <cell r="AU1541">
            <v>3</v>
          </cell>
        </row>
        <row r="1542">
          <cell r="C1542">
            <v>1.5807</v>
          </cell>
          <cell r="AT1542">
            <v>2002</v>
          </cell>
          <cell r="AU1542">
            <v>3</v>
          </cell>
        </row>
        <row r="1543">
          <cell r="C1543">
            <v>1.5767</v>
          </cell>
          <cell r="AT1543">
            <v>2002</v>
          </cell>
          <cell r="AU1543">
            <v>3</v>
          </cell>
        </row>
        <row r="1544">
          <cell r="C1544">
            <v>1.5767</v>
          </cell>
          <cell r="AT1544">
            <v>2002</v>
          </cell>
          <cell r="AU1544">
            <v>3</v>
          </cell>
        </row>
        <row r="1545">
          <cell r="C1545">
            <v>1.5767</v>
          </cell>
          <cell r="AT1545">
            <v>2002</v>
          </cell>
          <cell r="AU1545">
            <v>3</v>
          </cell>
        </row>
        <row r="1546">
          <cell r="C1546">
            <v>1.5851999999999999</v>
          </cell>
          <cell r="AT1546">
            <v>2002</v>
          </cell>
          <cell r="AU1546">
            <v>3</v>
          </cell>
        </row>
        <row r="1547">
          <cell r="C1547">
            <v>1.5921000000000001</v>
          </cell>
          <cell r="AT1547">
            <v>2002</v>
          </cell>
          <cell r="AU1547">
            <v>3</v>
          </cell>
        </row>
        <row r="1548">
          <cell r="C1548">
            <v>1.5932999999999999</v>
          </cell>
          <cell r="AT1548">
            <v>2002</v>
          </cell>
          <cell r="AU1548">
            <v>3</v>
          </cell>
        </row>
        <row r="1549">
          <cell r="C1549">
            <v>1.5934999999999999</v>
          </cell>
          <cell r="AT1549">
            <v>2002</v>
          </cell>
          <cell r="AU1549">
            <v>3</v>
          </cell>
        </row>
        <row r="1550">
          <cell r="C1550">
            <v>1.5934999999999999</v>
          </cell>
          <cell r="AT1550">
            <v>2002</v>
          </cell>
          <cell r="AU1550">
            <v>3</v>
          </cell>
        </row>
        <row r="1551">
          <cell r="C1551">
            <v>1.5934999999999999</v>
          </cell>
          <cell r="AT1551">
            <v>2002</v>
          </cell>
          <cell r="AU1551">
            <v>3</v>
          </cell>
        </row>
        <row r="1552">
          <cell r="C1552">
            <v>1.5934999999999999</v>
          </cell>
          <cell r="AT1552">
            <v>2002</v>
          </cell>
          <cell r="AU1552">
            <v>4</v>
          </cell>
        </row>
        <row r="1553">
          <cell r="C1553">
            <v>1.5993999999999999</v>
          </cell>
          <cell r="AT1553">
            <v>2002</v>
          </cell>
          <cell r="AU1553">
            <v>4</v>
          </cell>
        </row>
        <row r="1554">
          <cell r="C1554">
            <v>1.5928</v>
          </cell>
          <cell r="AT1554">
            <v>2002</v>
          </cell>
          <cell r="AU1554">
            <v>4</v>
          </cell>
        </row>
        <row r="1555">
          <cell r="C1555">
            <v>1.5889</v>
          </cell>
          <cell r="AT1555">
            <v>2002</v>
          </cell>
          <cell r="AU1555">
            <v>4</v>
          </cell>
        </row>
        <row r="1556">
          <cell r="C1556">
            <v>1.5926</v>
          </cell>
          <cell r="AT1556">
            <v>2002</v>
          </cell>
          <cell r="AU1556">
            <v>4</v>
          </cell>
        </row>
        <row r="1557">
          <cell r="C1557">
            <v>1.5901000000000001</v>
          </cell>
          <cell r="AT1557">
            <v>2002</v>
          </cell>
          <cell r="AU1557">
            <v>4</v>
          </cell>
        </row>
        <row r="1558">
          <cell r="C1558">
            <v>1.5901000000000001</v>
          </cell>
          <cell r="AT1558">
            <v>2002</v>
          </cell>
          <cell r="AU1558">
            <v>4</v>
          </cell>
        </row>
        <row r="1559">
          <cell r="C1559">
            <v>1.5901000000000001</v>
          </cell>
          <cell r="AT1559">
            <v>2002</v>
          </cell>
          <cell r="AU1559">
            <v>4</v>
          </cell>
        </row>
        <row r="1560">
          <cell r="C1560">
            <v>1.5941000000000001</v>
          </cell>
          <cell r="AT1560">
            <v>2002</v>
          </cell>
          <cell r="AU1560">
            <v>4</v>
          </cell>
        </row>
        <row r="1561">
          <cell r="C1561">
            <v>1.5968</v>
          </cell>
          <cell r="AT1561">
            <v>2002</v>
          </cell>
          <cell r="AU1561">
            <v>4</v>
          </cell>
        </row>
        <row r="1562">
          <cell r="C1562">
            <v>1.5932999999999999</v>
          </cell>
          <cell r="AT1562">
            <v>2002</v>
          </cell>
          <cell r="AU1562">
            <v>4</v>
          </cell>
        </row>
        <row r="1563">
          <cell r="C1563">
            <v>1.5874999999999999</v>
          </cell>
          <cell r="AT1563">
            <v>2002</v>
          </cell>
          <cell r="AU1563">
            <v>4</v>
          </cell>
        </row>
        <row r="1564">
          <cell r="C1564">
            <v>1.5878000000000001</v>
          </cell>
          <cell r="AT1564">
            <v>2002</v>
          </cell>
          <cell r="AU1564">
            <v>4</v>
          </cell>
        </row>
        <row r="1565">
          <cell r="C1565">
            <v>1.5878000000000001</v>
          </cell>
          <cell r="AT1565">
            <v>2002</v>
          </cell>
          <cell r="AU1565">
            <v>4</v>
          </cell>
        </row>
        <row r="1566">
          <cell r="C1566">
            <v>1.5878000000000001</v>
          </cell>
          <cell r="AT1566">
            <v>2002</v>
          </cell>
          <cell r="AU1566">
            <v>4</v>
          </cell>
        </row>
        <row r="1567">
          <cell r="C1567">
            <v>1.5891999999999999</v>
          </cell>
          <cell r="AT1567">
            <v>2002</v>
          </cell>
          <cell r="AU1567">
            <v>4</v>
          </cell>
        </row>
        <row r="1568">
          <cell r="C1568">
            <v>1.5798000000000001</v>
          </cell>
          <cell r="AT1568">
            <v>2002</v>
          </cell>
          <cell r="AU1568">
            <v>4</v>
          </cell>
        </row>
        <row r="1569">
          <cell r="C1569">
            <v>1.5743</v>
          </cell>
          <cell r="AT1569">
            <v>2002</v>
          </cell>
          <cell r="AU1569">
            <v>4</v>
          </cell>
        </row>
        <row r="1570">
          <cell r="C1570">
            <v>1.5746</v>
          </cell>
          <cell r="AT1570">
            <v>2002</v>
          </cell>
          <cell r="AU1570">
            <v>4</v>
          </cell>
        </row>
        <row r="1571">
          <cell r="C1571">
            <v>1.5719000000000001</v>
          </cell>
          <cell r="AT1571">
            <v>2002</v>
          </cell>
          <cell r="AU1571">
            <v>4</v>
          </cell>
        </row>
        <row r="1572">
          <cell r="C1572">
            <v>1.5719000000000001</v>
          </cell>
          <cell r="AT1572">
            <v>2002</v>
          </cell>
          <cell r="AU1572">
            <v>4</v>
          </cell>
        </row>
        <row r="1573">
          <cell r="C1573">
            <v>1.5719000000000001</v>
          </cell>
          <cell r="AT1573">
            <v>2002</v>
          </cell>
          <cell r="AU1573">
            <v>4</v>
          </cell>
        </row>
        <row r="1574">
          <cell r="C1574">
            <v>1.5728</v>
          </cell>
          <cell r="AT1574">
            <v>2002</v>
          </cell>
          <cell r="AU1574">
            <v>4</v>
          </cell>
        </row>
        <row r="1575">
          <cell r="C1575">
            <v>1.5751999999999999</v>
          </cell>
          <cell r="AT1575">
            <v>2002</v>
          </cell>
          <cell r="AU1575">
            <v>4</v>
          </cell>
        </row>
        <row r="1576">
          <cell r="C1576">
            <v>1.5682</v>
          </cell>
          <cell r="AT1576">
            <v>2002</v>
          </cell>
          <cell r="AU1576">
            <v>4</v>
          </cell>
        </row>
        <row r="1577">
          <cell r="C1577">
            <v>1.5633999999999999</v>
          </cell>
          <cell r="AT1577">
            <v>2002</v>
          </cell>
          <cell r="AU1577">
            <v>4</v>
          </cell>
        </row>
        <row r="1578">
          <cell r="C1578">
            <v>1.5631999999999999</v>
          </cell>
          <cell r="AT1578">
            <v>2002</v>
          </cell>
          <cell r="AU1578">
            <v>4</v>
          </cell>
        </row>
        <row r="1579">
          <cell r="C1579">
            <v>1.5631999999999999</v>
          </cell>
          <cell r="AT1579">
            <v>2002</v>
          </cell>
          <cell r="AU1579">
            <v>4</v>
          </cell>
        </row>
        <row r="1580">
          <cell r="C1580">
            <v>1.5631999999999999</v>
          </cell>
          <cell r="AT1580">
            <v>2002</v>
          </cell>
          <cell r="AU1580">
            <v>4</v>
          </cell>
        </row>
        <row r="1581">
          <cell r="C1581">
            <v>1.5662</v>
          </cell>
          <cell r="AT1581">
            <v>2002</v>
          </cell>
          <cell r="AU1581">
            <v>4</v>
          </cell>
        </row>
        <row r="1582">
          <cell r="C1582">
            <v>1.5678000000000001</v>
          </cell>
          <cell r="AT1582">
            <v>2002</v>
          </cell>
          <cell r="AU1582">
            <v>5</v>
          </cell>
        </row>
        <row r="1583">
          <cell r="C1583">
            <v>1.5579000000000001</v>
          </cell>
          <cell r="AT1583">
            <v>2002</v>
          </cell>
          <cell r="AU1583">
            <v>5</v>
          </cell>
        </row>
        <row r="1584">
          <cell r="C1584">
            <v>1.5618000000000001</v>
          </cell>
          <cell r="AT1584">
            <v>2002</v>
          </cell>
          <cell r="AU1584">
            <v>5</v>
          </cell>
        </row>
        <row r="1585">
          <cell r="C1585">
            <v>1.5648</v>
          </cell>
          <cell r="AT1585">
            <v>2002</v>
          </cell>
          <cell r="AU1585">
            <v>5</v>
          </cell>
        </row>
        <row r="1586">
          <cell r="C1586">
            <v>1.5648</v>
          </cell>
          <cell r="AT1586">
            <v>2002</v>
          </cell>
          <cell r="AU1586">
            <v>5</v>
          </cell>
        </row>
        <row r="1587">
          <cell r="C1587">
            <v>1.5648</v>
          </cell>
          <cell r="AT1587">
            <v>2002</v>
          </cell>
          <cell r="AU1587">
            <v>5</v>
          </cell>
        </row>
        <row r="1588">
          <cell r="C1588">
            <v>1.5683</v>
          </cell>
          <cell r="AT1588">
            <v>2002</v>
          </cell>
          <cell r="AU1588">
            <v>5</v>
          </cell>
        </row>
        <row r="1589">
          <cell r="C1589">
            <v>1.57</v>
          </cell>
          <cell r="AT1589">
            <v>2002</v>
          </cell>
          <cell r="AU1589">
            <v>5</v>
          </cell>
        </row>
        <row r="1590">
          <cell r="C1590">
            <v>1.5705</v>
          </cell>
          <cell r="AT1590">
            <v>2002</v>
          </cell>
          <cell r="AU1590">
            <v>5</v>
          </cell>
        </row>
        <row r="1591">
          <cell r="C1591">
            <v>1.5685</v>
          </cell>
          <cell r="AT1591">
            <v>2002</v>
          </cell>
          <cell r="AU1591">
            <v>5</v>
          </cell>
        </row>
        <row r="1592">
          <cell r="C1592">
            <v>1.5576000000000001</v>
          </cell>
          <cell r="AT1592">
            <v>2002</v>
          </cell>
          <cell r="AU1592">
            <v>5</v>
          </cell>
        </row>
        <row r="1593">
          <cell r="C1593">
            <v>1.5576000000000001</v>
          </cell>
          <cell r="AT1593">
            <v>2002</v>
          </cell>
          <cell r="AU1593">
            <v>5</v>
          </cell>
        </row>
        <row r="1594">
          <cell r="C1594">
            <v>1.5576000000000001</v>
          </cell>
          <cell r="AT1594">
            <v>2002</v>
          </cell>
          <cell r="AU1594">
            <v>5</v>
          </cell>
        </row>
        <row r="1595">
          <cell r="C1595">
            <v>1.5583</v>
          </cell>
          <cell r="AT1595">
            <v>2002</v>
          </cell>
          <cell r="AU1595">
            <v>5</v>
          </cell>
        </row>
        <row r="1596">
          <cell r="C1596">
            <v>1.5586</v>
          </cell>
          <cell r="AT1596">
            <v>2002</v>
          </cell>
          <cell r="AU1596">
            <v>5</v>
          </cell>
        </row>
        <row r="1597">
          <cell r="C1597">
            <v>1.5559000000000001</v>
          </cell>
          <cell r="AT1597">
            <v>2002</v>
          </cell>
          <cell r="AU1597">
            <v>5</v>
          </cell>
        </row>
        <row r="1598">
          <cell r="C1598">
            <v>1.5546</v>
          </cell>
          <cell r="AT1598">
            <v>2002</v>
          </cell>
          <cell r="AU1598">
            <v>5</v>
          </cell>
        </row>
        <row r="1599">
          <cell r="C1599">
            <v>1.5424</v>
          </cell>
          <cell r="AT1599">
            <v>2002</v>
          </cell>
          <cell r="AU1599">
            <v>5</v>
          </cell>
        </row>
        <row r="1600">
          <cell r="C1600">
            <v>1.5424</v>
          </cell>
          <cell r="AT1600">
            <v>2002</v>
          </cell>
          <cell r="AU1600">
            <v>5</v>
          </cell>
        </row>
        <row r="1601">
          <cell r="C1601">
            <v>1.5424</v>
          </cell>
          <cell r="AT1601">
            <v>2002</v>
          </cell>
          <cell r="AU1601">
            <v>5</v>
          </cell>
        </row>
        <row r="1602">
          <cell r="C1602">
            <v>1.5424</v>
          </cell>
          <cell r="AT1602">
            <v>2002</v>
          </cell>
          <cell r="AU1602">
            <v>5</v>
          </cell>
        </row>
        <row r="1603">
          <cell r="C1603">
            <v>1.5382</v>
          </cell>
          <cell r="AT1603">
            <v>2002</v>
          </cell>
          <cell r="AU1603">
            <v>5</v>
          </cell>
        </row>
        <row r="1604">
          <cell r="C1604">
            <v>1.536</v>
          </cell>
          <cell r="AT1604">
            <v>2002</v>
          </cell>
          <cell r="AU1604">
            <v>5</v>
          </cell>
        </row>
        <row r="1605">
          <cell r="C1605">
            <v>1.5335000000000001</v>
          </cell>
          <cell r="AT1605">
            <v>2002</v>
          </cell>
          <cell r="AU1605">
            <v>5</v>
          </cell>
        </row>
        <row r="1606">
          <cell r="C1606">
            <v>1.5347999999999999</v>
          </cell>
          <cell r="AT1606">
            <v>2002</v>
          </cell>
          <cell r="AU1606">
            <v>5</v>
          </cell>
        </row>
        <row r="1607">
          <cell r="C1607">
            <v>1.5347999999999999</v>
          </cell>
          <cell r="AT1607">
            <v>2002</v>
          </cell>
          <cell r="AU1607">
            <v>5</v>
          </cell>
        </row>
        <row r="1608">
          <cell r="C1608">
            <v>1.5347999999999999</v>
          </cell>
          <cell r="AT1608">
            <v>2002</v>
          </cell>
          <cell r="AU1608">
            <v>5</v>
          </cell>
        </row>
        <row r="1609">
          <cell r="C1609">
            <v>1.5345</v>
          </cell>
          <cell r="AT1609">
            <v>2002</v>
          </cell>
          <cell r="AU1609">
            <v>5</v>
          </cell>
        </row>
        <row r="1610">
          <cell r="C1610">
            <v>1.5302</v>
          </cell>
          <cell r="AT1610">
            <v>2002</v>
          </cell>
          <cell r="AU1610">
            <v>5</v>
          </cell>
        </row>
        <row r="1611">
          <cell r="C1611">
            <v>1.5346</v>
          </cell>
          <cell r="AT1611">
            <v>2002</v>
          </cell>
          <cell r="AU1611">
            <v>5</v>
          </cell>
        </row>
        <row r="1612">
          <cell r="C1612">
            <v>1.5339</v>
          </cell>
          <cell r="AT1612">
            <v>2002</v>
          </cell>
          <cell r="AU1612">
            <v>5</v>
          </cell>
        </row>
        <row r="1613">
          <cell r="C1613">
            <v>1.5275000000000001</v>
          </cell>
          <cell r="AT1613">
            <v>2002</v>
          </cell>
          <cell r="AU1613">
            <v>6</v>
          </cell>
        </row>
        <row r="1614">
          <cell r="C1614">
            <v>1.5275000000000001</v>
          </cell>
          <cell r="AT1614">
            <v>2002</v>
          </cell>
          <cell r="AU1614">
            <v>6</v>
          </cell>
        </row>
        <row r="1615">
          <cell r="C1615">
            <v>1.5275000000000001</v>
          </cell>
          <cell r="AT1615">
            <v>2002</v>
          </cell>
          <cell r="AU1615">
            <v>6</v>
          </cell>
        </row>
        <row r="1616">
          <cell r="C1616">
            <v>1.528</v>
          </cell>
          <cell r="AT1616">
            <v>2002</v>
          </cell>
          <cell r="AU1616">
            <v>6</v>
          </cell>
        </row>
        <row r="1617">
          <cell r="C1617">
            <v>1.5279</v>
          </cell>
          <cell r="AT1617">
            <v>2002</v>
          </cell>
          <cell r="AU1617">
            <v>6</v>
          </cell>
        </row>
        <row r="1618">
          <cell r="C1618">
            <v>1.5350999999999999</v>
          </cell>
          <cell r="AT1618">
            <v>2002</v>
          </cell>
          <cell r="AU1618">
            <v>6</v>
          </cell>
        </row>
        <row r="1619">
          <cell r="C1619">
            <v>1.5325</v>
          </cell>
          <cell r="AT1619">
            <v>2002</v>
          </cell>
          <cell r="AU1619">
            <v>6</v>
          </cell>
        </row>
        <row r="1620">
          <cell r="C1620">
            <v>1.5323</v>
          </cell>
          <cell r="AT1620">
            <v>2002</v>
          </cell>
          <cell r="AU1620">
            <v>6</v>
          </cell>
        </row>
        <row r="1621">
          <cell r="C1621">
            <v>1.5323</v>
          </cell>
          <cell r="AT1621">
            <v>2002</v>
          </cell>
          <cell r="AU1621">
            <v>6</v>
          </cell>
        </row>
        <row r="1622">
          <cell r="C1622">
            <v>1.5323</v>
          </cell>
          <cell r="AT1622">
            <v>2002</v>
          </cell>
          <cell r="AU1622">
            <v>6</v>
          </cell>
        </row>
        <row r="1623">
          <cell r="C1623">
            <v>1.538</v>
          </cell>
          <cell r="AT1623">
            <v>2002</v>
          </cell>
          <cell r="AU1623">
            <v>6</v>
          </cell>
        </row>
        <row r="1624">
          <cell r="C1624">
            <v>1.5382</v>
          </cell>
          <cell r="AT1624">
            <v>2002</v>
          </cell>
          <cell r="AU1624">
            <v>6</v>
          </cell>
        </row>
        <row r="1625">
          <cell r="C1625">
            <v>1.5362</v>
          </cell>
          <cell r="AT1625">
            <v>2002</v>
          </cell>
          <cell r="AU1625">
            <v>6</v>
          </cell>
        </row>
        <row r="1626">
          <cell r="C1626">
            <v>1.5394000000000001</v>
          </cell>
          <cell r="AT1626">
            <v>2002</v>
          </cell>
          <cell r="AU1626">
            <v>6</v>
          </cell>
        </row>
        <row r="1627">
          <cell r="C1627">
            <v>1.55</v>
          </cell>
          <cell r="AT1627">
            <v>2002</v>
          </cell>
          <cell r="AU1627">
            <v>6</v>
          </cell>
        </row>
        <row r="1628">
          <cell r="C1628">
            <v>1.55</v>
          </cell>
          <cell r="AT1628">
            <v>2002</v>
          </cell>
          <cell r="AU1628">
            <v>6</v>
          </cell>
        </row>
        <row r="1629">
          <cell r="C1629">
            <v>1.55</v>
          </cell>
          <cell r="AT1629">
            <v>2002</v>
          </cell>
          <cell r="AU1629">
            <v>6</v>
          </cell>
        </row>
        <row r="1630">
          <cell r="C1630">
            <v>1.5472999999999999</v>
          </cell>
          <cell r="AT1630">
            <v>2002</v>
          </cell>
          <cell r="AU1630">
            <v>6</v>
          </cell>
        </row>
        <row r="1631">
          <cell r="C1631">
            <v>1.5441</v>
          </cell>
          <cell r="AT1631">
            <v>2002</v>
          </cell>
          <cell r="AU1631">
            <v>6</v>
          </cell>
        </row>
        <row r="1632">
          <cell r="C1632">
            <v>1.5414000000000001</v>
          </cell>
          <cell r="AT1632">
            <v>2002</v>
          </cell>
          <cell r="AU1632">
            <v>6</v>
          </cell>
        </row>
        <row r="1633">
          <cell r="C1633">
            <v>1.5314000000000001</v>
          </cell>
          <cell r="AT1633">
            <v>2002</v>
          </cell>
          <cell r="AU1633">
            <v>6</v>
          </cell>
        </row>
        <row r="1634">
          <cell r="C1634">
            <v>1.5229999999999999</v>
          </cell>
          <cell r="AT1634">
            <v>2002</v>
          </cell>
          <cell r="AU1634">
            <v>6</v>
          </cell>
        </row>
        <row r="1635">
          <cell r="C1635">
            <v>1.5229999999999999</v>
          </cell>
          <cell r="AT1635">
            <v>2002</v>
          </cell>
          <cell r="AU1635">
            <v>6</v>
          </cell>
        </row>
        <row r="1636">
          <cell r="C1636">
            <v>1.5229999999999999</v>
          </cell>
          <cell r="AT1636">
            <v>2002</v>
          </cell>
          <cell r="AU1636">
            <v>6</v>
          </cell>
        </row>
        <row r="1637">
          <cell r="C1637">
            <v>1.5167999999999999</v>
          </cell>
          <cell r="AT1637">
            <v>2002</v>
          </cell>
          <cell r="AU1637">
            <v>6</v>
          </cell>
        </row>
        <row r="1638">
          <cell r="C1638">
            <v>1.5217000000000001</v>
          </cell>
          <cell r="AT1638">
            <v>2002</v>
          </cell>
          <cell r="AU1638">
            <v>6</v>
          </cell>
        </row>
        <row r="1639">
          <cell r="C1639">
            <v>1.5206999999999999</v>
          </cell>
          <cell r="AT1639">
            <v>2002</v>
          </cell>
          <cell r="AU1639">
            <v>6</v>
          </cell>
        </row>
        <row r="1640">
          <cell r="C1640">
            <v>1.5109999999999999</v>
          </cell>
          <cell r="AT1640">
            <v>2002</v>
          </cell>
          <cell r="AU1640">
            <v>6</v>
          </cell>
        </row>
        <row r="1641">
          <cell r="C1641">
            <v>1.5186999999999999</v>
          </cell>
          <cell r="AT1641">
            <v>2002</v>
          </cell>
          <cell r="AU1641">
            <v>6</v>
          </cell>
        </row>
        <row r="1642">
          <cell r="C1642">
            <v>1.5186999999999999</v>
          </cell>
          <cell r="AT1642">
            <v>2002</v>
          </cell>
          <cell r="AU1642">
            <v>6</v>
          </cell>
        </row>
        <row r="1643">
          <cell r="C1643">
            <v>1.5186999999999999</v>
          </cell>
          <cell r="AT1643">
            <v>2002</v>
          </cell>
          <cell r="AU1643">
            <v>7</v>
          </cell>
        </row>
        <row r="1644">
          <cell r="C1644">
            <v>1.5186999999999999</v>
          </cell>
          <cell r="AT1644">
            <v>2002</v>
          </cell>
          <cell r="AU1644">
            <v>7</v>
          </cell>
        </row>
        <row r="1645">
          <cell r="C1645">
            <v>1.526</v>
          </cell>
          <cell r="AT1645">
            <v>2002</v>
          </cell>
          <cell r="AU1645">
            <v>7</v>
          </cell>
        </row>
        <row r="1646">
          <cell r="C1646">
            <v>1.5289999999999999</v>
          </cell>
          <cell r="AT1646">
            <v>2002</v>
          </cell>
          <cell r="AU1646">
            <v>7</v>
          </cell>
        </row>
        <row r="1647">
          <cell r="C1647">
            <v>1.5321</v>
          </cell>
          <cell r="AT1647">
            <v>2002</v>
          </cell>
          <cell r="AU1647">
            <v>7</v>
          </cell>
        </row>
        <row r="1648">
          <cell r="C1648">
            <v>1.5239</v>
          </cell>
          <cell r="AT1648">
            <v>2002</v>
          </cell>
          <cell r="AU1648">
            <v>7</v>
          </cell>
        </row>
        <row r="1649">
          <cell r="C1649">
            <v>1.5239</v>
          </cell>
          <cell r="AT1649">
            <v>2002</v>
          </cell>
          <cell r="AU1649">
            <v>7</v>
          </cell>
        </row>
        <row r="1650">
          <cell r="C1650">
            <v>1.5239</v>
          </cell>
          <cell r="AT1650">
            <v>2002</v>
          </cell>
          <cell r="AU1650">
            <v>7</v>
          </cell>
        </row>
        <row r="1651">
          <cell r="C1651">
            <v>1.5207999999999999</v>
          </cell>
          <cell r="AT1651">
            <v>2002</v>
          </cell>
          <cell r="AU1651">
            <v>7</v>
          </cell>
        </row>
        <row r="1652">
          <cell r="C1652">
            <v>1.5144</v>
          </cell>
          <cell r="AT1652">
            <v>2002</v>
          </cell>
          <cell r="AU1652">
            <v>7</v>
          </cell>
        </row>
        <row r="1653">
          <cell r="C1653">
            <v>1.5199</v>
          </cell>
          <cell r="AT1653">
            <v>2002</v>
          </cell>
          <cell r="AU1653">
            <v>7</v>
          </cell>
        </row>
        <row r="1654">
          <cell r="C1654">
            <v>1.522</v>
          </cell>
          <cell r="AT1654">
            <v>2002</v>
          </cell>
          <cell r="AU1654">
            <v>7</v>
          </cell>
        </row>
        <row r="1655">
          <cell r="C1655">
            <v>1.5302</v>
          </cell>
          <cell r="AT1655">
            <v>2002</v>
          </cell>
          <cell r="AU1655">
            <v>7</v>
          </cell>
        </row>
        <row r="1656">
          <cell r="C1656">
            <v>1.5302</v>
          </cell>
          <cell r="AT1656">
            <v>2002</v>
          </cell>
          <cell r="AU1656">
            <v>7</v>
          </cell>
        </row>
        <row r="1657">
          <cell r="C1657">
            <v>1.5302</v>
          </cell>
          <cell r="AT1657">
            <v>2002</v>
          </cell>
          <cell r="AU1657">
            <v>7</v>
          </cell>
        </row>
        <row r="1658">
          <cell r="C1658">
            <v>1.5366</v>
          </cell>
          <cell r="AT1658">
            <v>2002</v>
          </cell>
          <cell r="AU1658">
            <v>7</v>
          </cell>
        </row>
        <row r="1659">
          <cell r="C1659">
            <v>1.5347999999999999</v>
          </cell>
          <cell r="AT1659">
            <v>2002</v>
          </cell>
          <cell r="AU1659">
            <v>7</v>
          </cell>
        </row>
        <row r="1660">
          <cell r="C1660">
            <v>1.5390999999999999</v>
          </cell>
          <cell r="AT1660">
            <v>2002</v>
          </cell>
          <cell r="AU1660">
            <v>7</v>
          </cell>
        </row>
        <row r="1661">
          <cell r="C1661">
            <v>1.5441</v>
          </cell>
          <cell r="AT1661">
            <v>2002</v>
          </cell>
          <cell r="AU1661">
            <v>7</v>
          </cell>
        </row>
        <row r="1662">
          <cell r="C1662">
            <v>1.5385</v>
          </cell>
          <cell r="AT1662">
            <v>2002</v>
          </cell>
          <cell r="AU1662">
            <v>7</v>
          </cell>
        </row>
        <row r="1663">
          <cell r="C1663">
            <v>1.5385</v>
          </cell>
          <cell r="AT1663">
            <v>2002</v>
          </cell>
          <cell r="AU1663">
            <v>7</v>
          </cell>
        </row>
        <row r="1664">
          <cell r="C1664">
            <v>1.5385</v>
          </cell>
          <cell r="AT1664">
            <v>2002</v>
          </cell>
          <cell r="AU1664">
            <v>7</v>
          </cell>
        </row>
        <row r="1665">
          <cell r="C1665">
            <v>1.556</v>
          </cell>
          <cell r="AT1665">
            <v>2002</v>
          </cell>
          <cell r="AU1665">
            <v>7</v>
          </cell>
        </row>
        <row r="1666">
          <cell r="C1666">
            <v>1.5785</v>
          </cell>
          <cell r="AT1666">
            <v>2002</v>
          </cell>
          <cell r="AU1666">
            <v>7</v>
          </cell>
        </row>
        <row r="1667">
          <cell r="C1667">
            <v>1.5760000000000001</v>
          </cell>
          <cell r="AT1667">
            <v>2002</v>
          </cell>
          <cell r="AU1667">
            <v>7</v>
          </cell>
        </row>
        <row r="1668">
          <cell r="C1668">
            <v>1.5726</v>
          </cell>
          <cell r="AT1668">
            <v>2002</v>
          </cell>
          <cell r="AU1668">
            <v>7</v>
          </cell>
        </row>
        <row r="1669">
          <cell r="C1669">
            <v>1.5865</v>
          </cell>
          <cell r="AT1669">
            <v>2002</v>
          </cell>
          <cell r="AU1669">
            <v>7</v>
          </cell>
        </row>
        <row r="1670">
          <cell r="C1670">
            <v>1.5865</v>
          </cell>
          <cell r="AT1670">
            <v>2002</v>
          </cell>
          <cell r="AU1670">
            <v>7</v>
          </cell>
        </row>
        <row r="1671">
          <cell r="C1671">
            <v>1.5865</v>
          </cell>
          <cell r="AT1671">
            <v>2002</v>
          </cell>
          <cell r="AU1671">
            <v>7</v>
          </cell>
        </row>
        <row r="1672">
          <cell r="C1672">
            <v>1.5722</v>
          </cell>
          <cell r="AT1672">
            <v>2002</v>
          </cell>
          <cell r="AU1672">
            <v>7</v>
          </cell>
        </row>
        <row r="1673">
          <cell r="C1673">
            <v>1.5730999999999999</v>
          </cell>
          <cell r="AT1673">
            <v>2002</v>
          </cell>
          <cell r="AU1673">
            <v>7</v>
          </cell>
        </row>
        <row r="1674">
          <cell r="C1674">
            <v>1.5843</v>
          </cell>
          <cell r="AT1674">
            <v>2002</v>
          </cell>
          <cell r="AU1674">
            <v>8</v>
          </cell>
        </row>
        <row r="1675">
          <cell r="C1675">
            <v>1.5869</v>
          </cell>
          <cell r="AT1675">
            <v>2002</v>
          </cell>
          <cell r="AU1675">
            <v>8</v>
          </cell>
        </row>
        <row r="1676">
          <cell r="C1676">
            <v>1.5882000000000001</v>
          </cell>
          <cell r="AT1676">
            <v>2002</v>
          </cell>
          <cell r="AU1676">
            <v>8</v>
          </cell>
        </row>
        <row r="1677">
          <cell r="C1677">
            <v>1.5882000000000001</v>
          </cell>
          <cell r="AT1677">
            <v>2002</v>
          </cell>
          <cell r="AU1677">
            <v>8</v>
          </cell>
        </row>
        <row r="1678">
          <cell r="C1678">
            <v>1.5882000000000001</v>
          </cell>
          <cell r="AT1678">
            <v>2002</v>
          </cell>
          <cell r="AU1678">
            <v>8</v>
          </cell>
        </row>
        <row r="1679">
          <cell r="C1679">
            <v>1.5882000000000001</v>
          </cell>
          <cell r="AT1679">
            <v>2002</v>
          </cell>
          <cell r="AU1679">
            <v>8</v>
          </cell>
        </row>
        <row r="1680">
          <cell r="C1680">
            <v>1.5932999999999999</v>
          </cell>
          <cell r="AT1680">
            <v>2002</v>
          </cell>
          <cell r="AU1680">
            <v>8</v>
          </cell>
        </row>
        <row r="1681">
          <cell r="C1681">
            <v>1.5808</v>
          </cell>
          <cell r="AT1681">
            <v>2002</v>
          </cell>
          <cell r="AU1681">
            <v>8</v>
          </cell>
        </row>
        <row r="1682">
          <cell r="C1682">
            <v>1.5813999999999999</v>
          </cell>
          <cell r="AT1682">
            <v>2002</v>
          </cell>
          <cell r="AU1682">
            <v>8</v>
          </cell>
        </row>
        <row r="1683">
          <cell r="C1683">
            <v>1.5723</v>
          </cell>
          <cell r="AT1683">
            <v>2002</v>
          </cell>
          <cell r="AU1683">
            <v>8</v>
          </cell>
        </row>
        <row r="1684">
          <cell r="C1684">
            <v>1.5723</v>
          </cell>
          <cell r="AT1684">
            <v>2002</v>
          </cell>
          <cell r="AU1684">
            <v>8</v>
          </cell>
        </row>
        <row r="1685">
          <cell r="C1685">
            <v>1.5723</v>
          </cell>
          <cell r="AT1685">
            <v>2002</v>
          </cell>
          <cell r="AU1685">
            <v>8</v>
          </cell>
        </row>
        <row r="1686">
          <cell r="C1686">
            <v>1.5740000000000001</v>
          </cell>
          <cell r="AT1686">
            <v>2002</v>
          </cell>
          <cell r="AU1686">
            <v>8</v>
          </cell>
        </row>
        <row r="1687">
          <cell r="C1687">
            <v>1.5658000000000001</v>
          </cell>
          <cell r="AT1687">
            <v>2002</v>
          </cell>
          <cell r="AU1687">
            <v>8</v>
          </cell>
        </row>
        <row r="1688">
          <cell r="C1688">
            <v>1.5649</v>
          </cell>
          <cell r="AT1688">
            <v>2002</v>
          </cell>
          <cell r="AU1688">
            <v>8</v>
          </cell>
        </row>
        <row r="1689">
          <cell r="C1689">
            <v>1.5582</v>
          </cell>
          <cell r="AT1689">
            <v>2002</v>
          </cell>
          <cell r="AU1689">
            <v>8</v>
          </cell>
        </row>
        <row r="1690">
          <cell r="C1690">
            <v>1.5601</v>
          </cell>
          <cell r="AT1690">
            <v>2002</v>
          </cell>
          <cell r="AU1690">
            <v>8</v>
          </cell>
        </row>
        <row r="1691">
          <cell r="C1691">
            <v>1.5601</v>
          </cell>
          <cell r="AT1691">
            <v>2002</v>
          </cell>
          <cell r="AU1691">
            <v>8</v>
          </cell>
        </row>
        <row r="1692">
          <cell r="C1692">
            <v>1.5601</v>
          </cell>
          <cell r="AT1692">
            <v>2002</v>
          </cell>
          <cell r="AU1692">
            <v>8</v>
          </cell>
        </row>
        <row r="1693">
          <cell r="C1693">
            <v>1.571</v>
          </cell>
          <cell r="AT1693">
            <v>2002</v>
          </cell>
          <cell r="AU1693">
            <v>8</v>
          </cell>
        </row>
        <row r="1694">
          <cell r="C1694">
            <v>1.5714999999999999</v>
          </cell>
          <cell r="AT1694">
            <v>2002</v>
          </cell>
          <cell r="AU1694">
            <v>8</v>
          </cell>
        </row>
        <row r="1695">
          <cell r="C1695">
            <v>1.5587</v>
          </cell>
          <cell r="AT1695">
            <v>2002</v>
          </cell>
          <cell r="AU1695">
            <v>8</v>
          </cell>
        </row>
        <row r="1696">
          <cell r="C1696">
            <v>1.5566</v>
          </cell>
          <cell r="AT1696">
            <v>2002</v>
          </cell>
          <cell r="AU1696">
            <v>8</v>
          </cell>
        </row>
        <row r="1697">
          <cell r="C1697">
            <v>1.5558000000000001</v>
          </cell>
          <cell r="AT1697">
            <v>2002</v>
          </cell>
          <cell r="AU1697">
            <v>8</v>
          </cell>
        </row>
        <row r="1698">
          <cell r="C1698">
            <v>1.5558000000000001</v>
          </cell>
          <cell r="AT1698">
            <v>2002</v>
          </cell>
          <cell r="AU1698">
            <v>8</v>
          </cell>
        </row>
        <row r="1699">
          <cell r="C1699">
            <v>1.5558000000000001</v>
          </cell>
          <cell r="AT1699">
            <v>2002</v>
          </cell>
          <cell r="AU1699">
            <v>8</v>
          </cell>
        </row>
        <row r="1700">
          <cell r="C1700">
            <v>1.5570999999999999</v>
          </cell>
          <cell r="AT1700">
            <v>2002</v>
          </cell>
          <cell r="AU1700">
            <v>8</v>
          </cell>
        </row>
        <row r="1701">
          <cell r="C1701">
            <v>1.552</v>
          </cell>
          <cell r="AT1701">
            <v>2002</v>
          </cell>
          <cell r="AU1701">
            <v>8</v>
          </cell>
        </row>
        <row r="1702">
          <cell r="C1702">
            <v>1.5597000000000001</v>
          </cell>
          <cell r="AT1702">
            <v>2002</v>
          </cell>
          <cell r="AU1702">
            <v>8</v>
          </cell>
        </row>
        <row r="1703">
          <cell r="C1703">
            <v>1.5595000000000001</v>
          </cell>
          <cell r="AT1703">
            <v>2002</v>
          </cell>
          <cell r="AU1703">
            <v>8</v>
          </cell>
        </row>
        <row r="1704">
          <cell r="C1704">
            <v>1.5589</v>
          </cell>
          <cell r="AT1704">
            <v>2002</v>
          </cell>
          <cell r="AU1704">
            <v>8</v>
          </cell>
        </row>
        <row r="1705">
          <cell r="C1705">
            <v>1.5589</v>
          </cell>
          <cell r="AT1705">
            <v>2002</v>
          </cell>
          <cell r="AU1705">
            <v>9</v>
          </cell>
        </row>
        <row r="1706">
          <cell r="C1706">
            <v>1.5589</v>
          </cell>
          <cell r="AT1706">
            <v>2002</v>
          </cell>
          <cell r="AU1706">
            <v>9</v>
          </cell>
        </row>
        <row r="1707">
          <cell r="C1707">
            <v>1.5589</v>
          </cell>
          <cell r="AT1707">
            <v>2002</v>
          </cell>
          <cell r="AU1707">
            <v>9</v>
          </cell>
        </row>
        <row r="1708">
          <cell r="C1708">
            <v>1.5543</v>
          </cell>
          <cell r="AT1708">
            <v>2002</v>
          </cell>
          <cell r="AU1708">
            <v>9</v>
          </cell>
        </row>
        <row r="1709">
          <cell r="C1709">
            <v>1.5663</v>
          </cell>
          <cell r="AT1709">
            <v>2002</v>
          </cell>
          <cell r="AU1709">
            <v>9</v>
          </cell>
        </row>
        <row r="1710">
          <cell r="C1710">
            <v>1.5671999999999999</v>
          </cell>
          <cell r="AT1710">
            <v>2002</v>
          </cell>
          <cell r="AU1710">
            <v>9</v>
          </cell>
        </row>
        <row r="1711">
          <cell r="C1711">
            <v>1.5633999999999999</v>
          </cell>
          <cell r="AT1711">
            <v>2002</v>
          </cell>
          <cell r="AU1711">
            <v>9</v>
          </cell>
        </row>
        <row r="1712">
          <cell r="C1712">
            <v>1.5633999999999999</v>
          </cell>
          <cell r="AT1712">
            <v>2002</v>
          </cell>
          <cell r="AU1712">
            <v>9</v>
          </cell>
        </row>
        <row r="1713">
          <cell r="C1713">
            <v>1.5633999999999999</v>
          </cell>
          <cell r="AT1713">
            <v>2002</v>
          </cell>
          <cell r="AU1713">
            <v>9</v>
          </cell>
        </row>
        <row r="1714">
          <cell r="C1714">
            <v>1.5656000000000001</v>
          </cell>
          <cell r="AT1714">
            <v>2002</v>
          </cell>
          <cell r="AU1714">
            <v>9</v>
          </cell>
        </row>
        <row r="1715">
          <cell r="C1715">
            <v>1.5720000000000001</v>
          </cell>
          <cell r="AT1715">
            <v>2002</v>
          </cell>
          <cell r="AU1715">
            <v>9</v>
          </cell>
        </row>
        <row r="1716">
          <cell r="C1716">
            <v>1.5754999999999999</v>
          </cell>
          <cell r="AT1716">
            <v>2002</v>
          </cell>
          <cell r="AU1716">
            <v>9</v>
          </cell>
        </row>
        <row r="1717">
          <cell r="C1717">
            <v>1.5849</v>
          </cell>
          <cell r="AT1717">
            <v>2002</v>
          </cell>
          <cell r="AU1717">
            <v>9</v>
          </cell>
        </row>
        <row r="1718">
          <cell r="C1718">
            <v>1.5857000000000001</v>
          </cell>
          <cell r="AT1718">
            <v>2002</v>
          </cell>
          <cell r="AU1718">
            <v>9</v>
          </cell>
        </row>
        <row r="1719">
          <cell r="C1719">
            <v>1.5857000000000001</v>
          </cell>
          <cell r="AT1719">
            <v>2002</v>
          </cell>
          <cell r="AU1719">
            <v>9</v>
          </cell>
        </row>
        <row r="1720">
          <cell r="C1720">
            <v>1.5857000000000001</v>
          </cell>
          <cell r="AT1720">
            <v>2002</v>
          </cell>
          <cell r="AU1720">
            <v>9</v>
          </cell>
        </row>
        <row r="1721">
          <cell r="C1721">
            <v>1.5825</v>
          </cell>
          <cell r="AT1721">
            <v>2002</v>
          </cell>
          <cell r="AU1721">
            <v>9</v>
          </cell>
        </row>
        <row r="1722">
          <cell r="C1722">
            <v>1.5791999999999999</v>
          </cell>
          <cell r="AT1722">
            <v>2002</v>
          </cell>
          <cell r="AU1722">
            <v>9</v>
          </cell>
        </row>
        <row r="1723">
          <cell r="C1723">
            <v>1.5832999999999999</v>
          </cell>
          <cell r="AT1723">
            <v>2002</v>
          </cell>
          <cell r="AU1723">
            <v>9</v>
          </cell>
        </row>
        <row r="1724">
          <cell r="C1724">
            <v>1.5725</v>
          </cell>
          <cell r="AT1724">
            <v>2002</v>
          </cell>
          <cell r="AU1724">
            <v>9</v>
          </cell>
        </row>
        <row r="1725">
          <cell r="C1725">
            <v>1.573</v>
          </cell>
          <cell r="AT1725">
            <v>2002</v>
          </cell>
          <cell r="AU1725">
            <v>9</v>
          </cell>
        </row>
        <row r="1726">
          <cell r="C1726">
            <v>1.573</v>
          </cell>
          <cell r="AT1726">
            <v>2002</v>
          </cell>
          <cell r="AU1726">
            <v>9</v>
          </cell>
        </row>
        <row r="1727">
          <cell r="C1727">
            <v>1.573</v>
          </cell>
          <cell r="AT1727">
            <v>2002</v>
          </cell>
          <cell r="AU1727">
            <v>9</v>
          </cell>
        </row>
        <row r="1728">
          <cell r="C1728">
            <v>1.5845</v>
          </cell>
          <cell r="AT1728">
            <v>2002</v>
          </cell>
          <cell r="AU1728">
            <v>9</v>
          </cell>
        </row>
        <row r="1729">
          <cell r="C1729">
            <v>1.5854999999999999</v>
          </cell>
          <cell r="AT1729">
            <v>2002</v>
          </cell>
          <cell r="AU1729">
            <v>9</v>
          </cell>
        </row>
        <row r="1730">
          <cell r="C1730">
            <v>1.581</v>
          </cell>
          <cell r="AT1730">
            <v>2002</v>
          </cell>
          <cell r="AU1730">
            <v>9</v>
          </cell>
        </row>
        <row r="1731">
          <cell r="C1731">
            <v>1.577</v>
          </cell>
          <cell r="AT1731">
            <v>2002</v>
          </cell>
          <cell r="AU1731">
            <v>9</v>
          </cell>
        </row>
        <row r="1732">
          <cell r="C1732">
            <v>1.5777000000000001</v>
          </cell>
          <cell r="AT1732">
            <v>2002</v>
          </cell>
          <cell r="AU1732">
            <v>9</v>
          </cell>
        </row>
        <row r="1733">
          <cell r="C1733">
            <v>1.5777000000000001</v>
          </cell>
          <cell r="AT1733">
            <v>2002</v>
          </cell>
          <cell r="AU1733">
            <v>9</v>
          </cell>
        </row>
        <row r="1734">
          <cell r="C1734">
            <v>1.5777000000000001</v>
          </cell>
          <cell r="AT1734">
            <v>2002</v>
          </cell>
          <cell r="AU1734">
            <v>9</v>
          </cell>
        </row>
        <row r="1735">
          <cell r="C1735">
            <v>1.5858000000000001</v>
          </cell>
          <cell r="AT1735">
            <v>2002</v>
          </cell>
          <cell r="AU1735">
            <v>10</v>
          </cell>
        </row>
        <row r="1736">
          <cell r="C1736">
            <v>1.5860000000000001</v>
          </cell>
          <cell r="AT1736">
            <v>2002</v>
          </cell>
          <cell r="AU1736">
            <v>10</v>
          </cell>
        </row>
        <row r="1737">
          <cell r="C1737">
            <v>1.5854999999999999</v>
          </cell>
          <cell r="AT1737">
            <v>2002</v>
          </cell>
          <cell r="AU1737">
            <v>10</v>
          </cell>
        </row>
        <row r="1738">
          <cell r="C1738">
            <v>1.5902000000000001</v>
          </cell>
          <cell r="AT1738">
            <v>2002</v>
          </cell>
          <cell r="AU1738">
            <v>10</v>
          </cell>
        </row>
        <row r="1739">
          <cell r="C1739">
            <v>1.5942000000000001</v>
          </cell>
          <cell r="AT1739">
            <v>2002</v>
          </cell>
          <cell r="AU1739">
            <v>10</v>
          </cell>
        </row>
        <row r="1740">
          <cell r="C1740">
            <v>1.5942000000000001</v>
          </cell>
          <cell r="AT1740">
            <v>2002</v>
          </cell>
          <cell r="AU1740">
            <v>10</v>
          </cell>
        </row>
        <row r="1741">
          <cell r="C1741">
            <v>1.5942000000000001</v>
          </cell>
          <cell r="AT1741">
            <v>2002</v>
          </cell>
          <cell r="AU1741">
            <v>10</v>
          </cell>
        </row>
        <row r="1742">
          <cell r="C1742">
            <v>1.5920000000000001</v>
          </cell>
          <cell r="AT1742">
            <v>2002</v>
          </cell>
          <cell r="AU1742">
            <v>10</v>
          </cell>
        </row>
        <row r="1743">
          <cell r="C1743">
            <v>1.5929</v>
          </cell>
          <cell r="AT1743">
            <v>2002</v>
          </cell>
          <cell r="AU1743">
            <v>10</v>
          </cell>
        </row>
        <row r="1744">
          <cell r="C1744">
            <v>1.5931</v>
          </cell>
          <cell r="AT1744">
            <v>2002</v>
          </cell>
          <cell r="AU1744">
            <v>10</v>
          </cell>
        </row>
        <row r="1745">
          <cell r="C1745">
            <v>1.5914999999999999</v>
          </cell>
          <cell r="AT1745">
            <v>2002</v>
          </cell>
          <cell r="AU1745">
            <v>10</v>
          </cell>
        </row>
        <row r="1746">
          <cell r="C1746">
            <v>1.5888</v>
          </cell>
          <cell r="AT1746">
            <v>2002</v>
          </cell>
          <cell r="AU1746">
            <v>10</v>
          </cell>
        </row>
        <row r="1747">
          <cell r="C1747">
            <v>1.5888</v>
          </cell>
          <cell r="AT1747">
            <v>2002</v>
          </cell>
          <cell r="AU1747">
            <v>10</v>
          </cell>
        </row>
        <row r="1748">
          <cell r="C1748">
            <v>1.5888</v>
          </cell>
          <cell r="AT1748">
            <v>2002</v>
          </cell>
          <cell r="AU1748">
            <v>10</v>
          </cell>
        </row>
        <row r="1749">
          <cell r="C1749">
            <v>1.5888</v>
          </cell>
          <cell r="AT1749">
            <v>2002</v>
          </cell>
          <cell r="AU1749">
            <v>10</v>
          </cell>
        </row>
        <row r="1750">
          <cell r="C1750">
            <v>1.5854999999999999</v>
          </cell>
          <cell r="AT1750">
            <v>2002</v>
          </cell>
          <cell r="AU1750">
            <v>10</v>
          </cell>
        </row>
        <row r="1751">
          <cell r="C1751">
            <v>1.5840000000000001</v>
          </cell>
          <cell r="AT1751">
            <v>2002</v>
          </cell>
          <cell r="AU1751">
            <v>10</v>
          </cell>
        </row>
        <row r="1752">
          <cell r="C1752">
            <v>1.5723</v>
          </cell>
          <cell r="AT1752">
            <v>2002</v>
          </cell>
          <cell r="AU1752">
            <v>10</v>
          </cell>
        </row>
        <row r="1753">
          <cell r="C1753">
            <v>1.5721000000000001</v>
          </cell>
          <cell r="AT1753">
            <v>2002</v>
          </cell>
          <cell r="AU1753">
            <v>10</v>
          </cell>
        </row>
        <row r="1754">
          <cell r="C1754">
            <v>1.5721000000000001</v>
          </cell>
          <cell r="AT1754">
            <v>2002</v>
          </cell>
          <cell r="AU1754">
            <v>10</v>
          </cell>
        </row>
        <row r="1755">
          <cell r="C1755">
            <v>1.5721000000000001</v>
          </cell>
          <cell r="AT1755">
            <v>2002</v>
          </cell>
          <cell r="AU1755">
            <v>10</v>
          </cell>
        </row>
        <row r="1756">
          <cell r="C1756">
            <v>1.5673999999999999</v>
          </cell>
          <cell r="AT1756">
            <v>2002</v>
          </cell>
          <cell r="AU1756">
            <v>10</v>
          </cell>
        </row>
        <row r="1757">
          <cell r="C1757">
            <v>1.5679000000000001</v>
          </cell>
          <cell r="AT1757">
            <v>2002</v>
          </cell>
          <cell r="AU1757">
            <v>10</v>
          </cell>
        </row>
        <row r="1758">
          <cell r="C1758">
            <v>1.5687</v>
          </cell>
          <cell r="AT1758">
            <v>2002</v>
          </cell>
          <cell r="AU1758">
            <v>10</v>
          </cell>
        </row>
        <row r="1759">
          <cell r="C1759">
            <v>1.5609999999999999</v>
          </cell>
          <cell r="AT1759">
            <v>2002</v>
          </cell>
          <cell r="AU1759">
            <v>10</v>
          </cell>
        </row>
        <row r="1760">
          <cell r="C1760">
            <v>1.5672999999999999</v>
          </cell>
          <cell r="AT1760">
            <v>2002</v>
          </cell>
          <cell r="AU1760">
            <v>10</v>
          </cell>
        </row>
        <row r="1761">
          <cell r="C1761">
            <v>1.5672999999999999</v>
          </cell>
          <cell r="AT1761">
            <v>2002</v>
          </cell>
          <cell r="AU1761">
            <v>10</v>
          </cell>
        </row>
        <row r="1762">
          <cell r="C1762">
            <v>1.5672999999999999</v>
          </cell>
          <cell r="AT1762">
            <v>2002</v>
          </cell>
          <cell r="AU1762">
            <v>10</v>
          </cell>
        </row>
        <row r="1763">
          <cell r="C1763">
            <v>1.5605</v>
          </cell>
          <cell r="AT1763">
            <v>2002</v>
          </cell>
          <cell r="AU1763">
            <v>10</v>
          </cell>
        </row>
        <row r="1764">
          <cell r="C1764">
            <v>1.5630999999999999</v>
          </cell>
          <cell r="AT1764">
            <v>2002</v>
          </cell>
          <cell r="AU1764">
            <v>10</v>
          </cell>
        </row>
        <row r="1765">
          <cell r="C1765">
            <v>1.5676000000000001</v>
          </cell>
          <cell r="AT1765">
            <v>2002</v>
          </cell>
          <cell r="AU1765">
            <v>10</v>
          </cell>
        </row>
        <row r="1766">
          <cell r="C1766">
            <v>1.5603</v>
          </cell>
          <cell r="AT1766">
            <v>2002</v>
          </cell>
          <cell r="AU1766">
            <v>11</v>
          </cell>
        </row>
        <row r="1767">
          <cell r="C1767">
            <v>1.5576000000000001</v>
          </cell>
          <cell r="AT1767">
            <v>2002</v>
          </cell>
          <cell r="AU1767">
            <v>11</v>
          </cell>
        </row>
        <row r="1768">
          <cell r="C1768">
            <v>1.5576000000000001</v>
          </cell>
          <cell r="AT1768">
            <v>2002</v>
          </cell>
          <cell r="AU1768">
            <v>11</v>
          </cell>
        </row>
        <row r="1769">
          <cell r="C1769">
            <v>1.5576000000000001</v>
          </cell>
          <cell r="AT1769">
            <v>2002</v>
          </cell>
          <cell r="AU1769">
            <v>11</v>
          </cell>
        </row>
        <row r="1770">
          <cell r="C1770">
            <v>1.5549999999999999</v>
          </cell>
          <cell r="AT1770">
            <v>2002</v>
          </cell>
          <cell r="AU1770">
            <v>11</v>
          </cell>
        </row>
        <row r="1771">
          <cell r="C1771">
            <v>1.5562</v>
          </cell>
          <cell r="AT1771">
            <v>2002</v>
          </cell>
          <cell r="AU1771">
            <v>11</v>
          </cell>
        </row>
        <row r="1772">
          <cell r="C1772">
            <v>1.5582</v>
          </cell>
          <cell r="AT1772">
            <v>2002</v>
          </cell>
          <cell r="AU1772">
            <v>11</v>
          </cell>
        </row>
        <row r="1773">
          <cell r="C1773">
            <v>1.5529999999999999</v>
          </cell>
          <cell r="AT1773">
            <v>2002</v>
          </cell>
          <cell r="AU1773">
            <v>11</v>
          </cell>
        </row>
        <row r="1774">
          <cell r="C1774">
            <v>1.5644</v>
          </cell>
          <cell r="AT1774">
            <v>2002</v>
          </cell>
          <cell r="AU1774">
            <v>11</v>
          </cell>
        </row>
        <row r="1775">
          <cell r="C1775">
            <v>1.5644</v>
          </cell>
          <cell r="AT1775">
            <v>2002</v>
          </cell>
          <cell r="AU1775">
            <v>11</v>
          </cell>
        </row>
        <row r="1776">
          <cell r="C1776">
            <v>1.5644</v>
          </cell>
          <cell r="AT1776">
            <v>2002</v>
          </cell>
          <cell r="AU1776">
            <v>11</v>
          </cell>
        </row>
        <row r="1777">
          <cell r="C1777">
            <v>1.5644</v>
          </cell>
          <cell r="AT1777">
            <v>2002</v>
          </cell>
          <cell r="AU1777">
            <v>11</v>
          </cell>
        </row>
        <row r="1778">
          <cell r="C1778">
            <v>1.5742</v>
          </cell>
          <cell r="AT1778">
            <v>2002</v>
          </cell>
          <cell r="AU1778">
            <v>11</v>
          </cell>
        </row>
        <row r="1779">
          <cell r="C1779">
            <v>1.5764</v>
          </cell>
          <cell r="AT1779">
            <v>2002</v>
          </cell>
          <cell r="AU1779">
            <v>11</v>
          </cell>
        </row>
        <row r="1780">
          <cell r="C1780">
            <v>1.5747</v>
          </cell>
          <cell r="AT1780">
            <v>2002</v>
          </cell>
          <cell r="AU1780">
            <v>11</v>
          </cell>
        </row>
        <row r="1781">
          <cell r="C1781">
            <v>1.5812999999999999</v>
          </cell>
          <cell r="AT1781">
            <v>2002</v>
          </cell>
          <cell r="AU1781">
            <v>11</v>
          </cell>
        </row>
        <row r="1782">
          <cell r="C1782">
            <v>1.5812999999999999</v>
          </cell>
          <cell r="AT1782">
            <v>2002</v>
          </cell>
          <cell r="AU1782">
            <v>11</v>
          </cell>
        </row>
        <row r="1783">
          <cell r="C1783">
            <v>1.5812999999999999</v>
          </cell>
          <cell r="AT1783">
            <v>2002</v>
          </cell>
          <cell r="AU1783">
            <v>11</v>
          </cell>
        </row>
        <row r="1784">
          <cell r="C1784">
            <v>1.5902000000000001</v>
          </cell>
          <cell r="AT1784">
            <v>2002</v>
          </cell>
          <cell r="AU1784">
            <v>11</v>
          </cell>
        </row>
        <row r="1785">
          <cell r="C1785">
            <v>1.5851999999999999</v>
          </cell>
          <cell r="AT1785">
            <v>2002</v>
          </cell>
          <cell r="AU1785">
            <v>11</v>
          </cell>
        </row>
        <row r="1786">
          <cell r="C1786">
            <v>1.5839000000000001</v>
          </cell>
          <cell r="AT1786">
            <v>2002</v>
          </cell>
          <cell r="AU1786">
            <v>11</v>
          </cell>
        </row>
        <row r="1787">
          <cell r="C1787">
            <v>1.5786</v>
          </cell>
          <cell r="AT1787">
            <v>2002</v>
          </cell>
          <cell r="AU1787">
            <v>11</v>
          </cell>
        </row>
        <row r="1788">
          <cell r="C1788">
            <v>1.5802</v>
          </cell>
          <cell r="AT1788">
            <v>2002</v>
          </cell>
          <cell r="AU1788">
            <v>11</v>
          </cell>
        </row>
        <row r="1789">
          <cell r="C1789">
            <v>1.5802</v>
          </cell>
          <cell r="AT1789">
            <v>2002</v>
          </cell>
          <cell r="AU1789">
            <v>11</v>
          </cell>
        </row>
        <row r="1790">
          <cell r="C1790">
            <v>1.5802</v>
          </cell>
          <cell r="AT1790">
            <v>2002</v>
          </cell>
          <cell r="AU1790">
            <v>11</v>
          </cell>
        </row>
        <row r="1791">
          <cell r="C1791">
            <v>1.5732999999999999</v>
          </cell>
          <cell r="AT1791">
            <v>2002</v>
          </cell>
          <cell r="AU1791">
            <v>11</v>
          </cell>
        </row>
        <row r="1792">
          <cell r="C1792">
            <v>1.5718000000000001</v>
          </cell>
          <cell r="AT1792">
            <v>2002</v>
          </cell>
          <cell r="AU1792">
            <v>11</v>
          </cell>
        </row>
        <row r="1793">
          <cell r="C1793">
            <v>1.5747</v>
          </cell>
          <cell r="AT1793">
            <v>2002</v>
          </cell>
          <cell r="AU1793">
            <v>11</v>
          </cell>
        </row>
        <row r="1794">
          <cell r="C1794">
            <v>1.5739000000000001</v>
          </cell>
          <cell r="AT1794">
            <v>2002</v>
          </cell>
          <cell r="AU1794">
            <v>11</v>
          </cell>
        </row>
        <row r="1795">
          <cell r="C1795">
            <v>1.5653999999999999</v>
          </cell>
          <cell r="AT1795">
            <v>2002</v>
          </cell>
          <cell r="AU1795">
            <v>11</v>
          </cell>
        </row>
        <row r="1796">
          <cell r="C1796">
            <v>1.5653999999999999</v>
          </cell>
          <cell r="AT1796">
            <v>2002</v>
          </cell>
          <cell r="AU1796">
            <v>12</v>
          </cell>
        </row>
        <row r="1797">
          <cell r="C1797">
            <v>1.5653999999999999</v>
          </cell>
          <cell r="AT1797">
            <v>2002</v>
          </cell>
          <cell r="AU1797">
            <v>12</v>
          </cell>
        </row>
        <row r="1798">
          <cell r="C1798">
            <v>1.5593999999999999</v>
          </cell>
          <cell r="AT1798">
            <v>2002</v>
          </cell>
          <cell r="AU1798">
            <v>12</v>
          </cell>
        </row>
        <row r="1799">
          <cell r="C1799">
            <v>1.5569999999999999</v>
          </cell>
          <cell r="AT1799">
            <v>2002</v>
          </cell>
          <cell r="AU1799">
            <v>12</v>
          </cell>
        </row>
        <row r="1800">
          <cell r="C1800">
            <v>1.5573999999999999</v>
          </cell>
          <cell r="AT1800">
            <v>2002</v>
          </cell>
          <cell r="AU1800">
            <v>12</v>
          </cell>
        </row>
        <row r="1801">
          <cell r="C1801">
            <v>1.5610999999999999</v>
          </cell>
          <cell r="AT1801">
            <v>2002</v>
          </cell>
          <cell r="AU1801">
            <v>12</v>
          </cell>
        </row>
        <row r="1802">
          <cell r="C1802">
            <v>1.5657000000000001</v>
          </cell>
          <cell r="AT1802">
            <v>2002</v>
          </cell>
          <cell r="AU1802">
            <v>12</v>
          </cell>
        </row>
        <row r="1803">
          <cell r="C1803">
            <v>1.5657000000000001</v>
          </cell>
          <cell r="AT1803">
            <v>2002</v>
          </cell>
          <cell r="AU1803">
            <v>12</v>
          </cell>
        </row>
        <row r="1804">
          <cell r="C1804">
            <v>1.5657000000000001</v>
          </cell>
          <cell r="AT1804">
            <v>2002</v>
          </cell>
          <cell r="AU1804">
            <v>12</v>
          </cell>
        </row>
        <row r="1805">
          <cell r="C1805">
            <v>1.5615000000000001</v>
          </cell>
          <cell r="AT1805">
            <v>2002</v>
          </cell>
          <cell r="AU1805">
            <v>12</v>
          </cell>
        </row>
        <row r="1806">
          <cell r="C1806">
            <v>1.5610999999999999</v>
          </cell>
          <cell r="AT1806">
            <v>2002</v>
          </cell>
          <cell r="AU1806">
            <v>12</v>
          </cell>
        </row>
        <row r="1807">
          <cell r="C1807">
            <v>1.5558000000000001</v>
          </cell>
          <cell r="AT1807">
            <v>2002</v>
          </cell>
          <cell r="AU1807">
            <v>12</v>
          </cell>
        </row>
        <row r="1808">
          <cell r="C1808">
            <v>1.5548</v>
          </cell>
          <cell r="AT1808">
            <v>2002</v>
          </cell>
          <cell r="AU1808">
            <v>12</v>
          </cell>
        </row>
        <row r="1809">
          <cell r="C1809">
            <v>1.5602</v>
          </cell>
          <cell r="AT1809">
            <v>2002</v>
          </cell>
          <cell r="AU1809">
            <v>12</v>
          </cell>
        </row>
        <row r="1810">
          <cell r="C1810">
            <v>1.5602</v>
          </cell>
          <cell r="AT1810">
            <v>2002</v>
          </cell>
          <cell r="AU1810">
            <v>12</v>
          </cell>
        </row>
        <row r="1811">
          <cell r="C1811">
            <v>1.5602</v>
          </cell>
          <cell r="AT1811">
            <v>2002</v>
          </cell>
          <cell r="AU1811">
            <v>12</v>
          </cell>
        </row>
        <row r="1812">
          <cell r="C1812">
            <v>1.5625</v>
          </cell>
          <cell r="AT1812">
            <v>2002</v>
          </cell>
          <cell r="AU1812">
            <v>12</v>
          </cell>
        </row>
        <row r="1813">
          <cell r="C1813">
            <v>1.5508999999999999</v>
          </cell>
          <cell r="AT1813">
            <v>2002</v>
          </cell>
          <cell r="AU1813">
            <v>12</v>
          </cell>
        </row>
        <row r="1814">
          <cell r="C1814">
            <v>1.5537000000000001</v>
          </cell>
          <cell r="AT1814">
            <v>2002</v>
          </cell>
          <cell r="AU1814">
            <v>12</v>
          </cell>
        </row>
        <row r="1815">
          <cell r="C1815">
            <v>1.5475000000000001</v>
          </cell>
          <cell r="AT1815">
            <v>2002</v>
          </cell>
          <cell r="AU1815">
            <v>12</v>
          </cell>
        </row>
        <row r="1816">
          <cell r="C1816">
            <v>1.5524</v>
          </cell>
          <cell r="AT1816">
            <v>2002</v>
          </cell>
          <cell r="AU1816">
            <v>12</v>
          </cell>
        </row>
        <row r="1817">
          <cell r="C1817">
            <v>1.5524</v>
          </cell>
          <cell r="AT1817">
            <v>2002</v>
          </cell>
          <cell r="AU1817">
            <v>12</v>
          </cell>
        </row>
        <row r="1818">
          <cell r="C1818">
            <v>1.5524</v>
          </cell>
          <cell r="AT1818">
            <v>2002</v>
          </cell>
          <cell r="AU1818">
            <v>12</v>
          </cell>
        </row>
        <row r="1819">
          <cell r="C1819">
            <v>1.5504</v>
          </cell>
          <cell r="AT1819">
            <v>2002</v>
          </cell>
          <cell r="AU1819">
            <v>12</v>
          </cell>
        </row>
        <row r="1820">
          <cell r="C1820">
            <v>1.548</v>
          </cell>
          <cell r="AT1820">
            <v>2002</v>
          </cell>
          <cell r="AU1820">
            <v>12</v>
          </cell>
        </row>
        <row r="1821">
          <cell r="C1821">
            <v>1.548</v>
          </cell>
          <cell r="AT1821">
            <v>2002</v>
          </cell>
          <cell r="AU1821">
            <v>12</v>
          </cell>
        </row>
        <row r="1822">
          <cell r="C1822">
            <v>1.548</v>
          </cell>
          <cell r="AT1822">
            <v>2002</v>
          </cell>
          <cell r="AU1822">
            <v>12</v>
          </cell>
        </row>
        <row r="1823">
          <cell r="C1823">
            <v>1.5684</v>
          </cell>
          <cell r="AT1823">
            <v>2002</v>
          </cell>
          <cell r="AU1823">
            <v>12</v>
          </cell>
        </row>
        <row r="1824">
          <cell r="C1824">
            <v>1.5684</v>
          </cell>
          <cell r="AT1824">
            <v>2002</v>
          </cell>
          <cell r="AU1824">
            <v>12</v>
          </cell>
        </row>
        <row r="1825">
          <cell r="C1825">
            <v>1.5684</v>
          </cell>
          <cell r="AT1825">
            <v>2002</v>
          </cell>
          <cell r="AU1825">
            <v>12</v>
          </cell>
        </row>
        <row r="1826">
          <cell r="C1826">
            <v>1.5789</v>
          </cell>
          <cell r="AT1826">
            <v>2002</v>
          </cell>
          <cell r="AU1826">
            <v>12</v>
          </cell>
        </row>
        <row r="1827">
          <cell r="C1827">
            <v>1.5795999999999999</v>
          </cell>
          <cell r="AT1827">
            <v>2003</v>
          </cell>
          <cell r="AU1827">
            <v>1</v>
          </cell>
        </row>
        <row r="1828">
          <cell r="C1828">
            <v>1.5795999999999999</v>
          </cell>
          <cell r="AT1828">
            <v>2003</v>
          </cell>
          <cell r="AU1828">
            <v>1</v>
          </cell>
        </row>
        <row r="1829">
          <cell r="C1829">
            <v>1.5747</v>
          </cell>
          <cell r="AT1829">
            <v>2003</v>
          </cell>
          <cell r="AU1829">
            <v>1</v>
          </cell>
        </row>
        <row r="1830">
          <cell r="C1830">
            <v>1.5665</v>
          </cell>
          <cell r="AT1830">
            <v>2003</v>
          </cell>
          <cell r="AU1830">
            <v>1</v>
          </cell>
        </row>
        <row r="1831">
          <cell r="C1831">
            <v>1.5665</v>
          </cell>
          <cell r="AT1831">
            <v>2003</v>
          </cell>
          <cell r="AU1831">
            <v>1</v>
          </cell>
        </row>
        <row r="1832">
          <cell r="C1832">
            <v>1.5665</v>
          </cell>
          <cell r="AT1832">
            <v>2003</v>
          </cell>
          <cell r="AU1832">
            <v>1</v>
          </cell>
        </row>
        <row r="1833">
          <cell r="C1833">
            <v>1.5596000000000001</v>
          </cell>
          <cell r="AT1833">
            <v>2003</v>
          </cell>
          <cell r="AU1833">
            <v>1</v>
          </cell>
        </row>
        <row r="1834">
          <cell r="C1834">
            <v>1.5591999999999999</v>
          </cell>
          <cell r="AT1834">
            <v>2003</v>
          </cell>
          <cell r="AU1834">
            <v>1</v>
          </cell>
        </row>
        <row r="1835">
          <cell r="C1835">
            <v>1.5612999999999999</v>
          </cell>
          <cell r="AT1835">
            <v>2003</v>
          </cell>
          <cell r="AU1835">
            <v>1</v>
          </cell>
        </row>
        <row r="1836">
          <cell r="C1836">
            <v>1.5537000000000001</v>
          </cell>
          <cell r="AT1836">
            <v>2003</v>
          </cell>
          <cell r="AU1836">
            <v>1</v>
          </cell>
        </row>
        <row r="1837">
          <cell r="C1837">
            <v>1.55</v>
          </cell>
          <cell r="AT1837">
            <v>2003</v>
          </cell>
          <cell r="AU1837">
            <v>1</v>
          </cell>
        </row>
        <row r="1838">
          <cell r="C1838">
            <v>1.55</v>
          </cell>
          <cell r="AT1838">
            <v>2003</v>
          </cell>
          <cell r="AU1838">
            <v>1</v>
          </cell>
        </row>
        <row r="1839">
          <cell r="C1839">
            <v>1.55</v>
          </cell>
          <cell r="AT1839">
            <v>2003</v>
          </cell>
          <cell r="AU1839">
            <v>1</v>
          </cell>
        </row>
        <row r="1840">
          <cell r="C1840">
            <v>1.5418000000000001</v>
          </cell>
          <cell r="AT1840">
            <v>2003</v>
          </cell>
          <cell r="AU1840">
            <v>1</v>
          </cell>
        </row>
        <row r="1841">
          <cell r="C1841">
            <v>1.5397000000000001</v>
          </cell>
          <cell r="AT1841">
            <v>2003</v>
          </cell>
          <cell r="AU1841">
            <v>1</v>
          </cell>
        </row>
        <row r="1842">
          <cell r="C1842">
            <v>1.5351999999999999</v>
          </cell>
          <cell r="AT1842">
            <v>2003</v>
          </cell>
          <cell r="AU1842">
            <v>1</v>
          </cell>
        </row>
        <row r="1843">
          <cell r="C1843">
            <v>1.5363</v>
          </cell>
          <cell r="AT1843">
            <v>2003</v>
          </cell>
          <cell r="AU1843">
            <v>1</v>
          </cell>
        </row>
        <row r="1844">
          <cell r="C1844">
            <v>1.5354000000000001</v>
          </cell>
          <cell r="AT1844">
            <v>2003</v>
          </cell>
          <cell r="AU1844">
            <v>1</v>
          </cell>
        </row>
        <row r="1845">
          <cell r="C1845">
            <v>1.5354000000000001</v>
          </cell>
          <cell r="AT1845">
            <v>2003</v>
          </cell>
          <cell r="AU1845">
            <v>1</v>
          </cell>
        </row>
        <row r="1846">
          <cell r="C1846">
            <v>1.5354000000000001</v>
          </cell>
          <cell r="AT1846">
            <v>2003</v>
          </cell>
          <cell r="AU1846">
            <v>1</v>
          </cell>
        </row>
        <row r="1847">
          <cell r="C1847">
            <v>1.5347</v>
          </cell>
          <cell r="AT1847">
            <v>2003</v>
          </cell>
          <cell r="AU1847">
            <v>1</v>
          </cell>
        </row>
        <row r="1848">
          <cell r="C1848">
            <v>1.5329999999999999</v>
          </cell>
          <cell r="AT1848">
            <v>2003</v>
          </cell>
          <cell r="AU1848">
            <v>1</v>
          </cell>
        </row>
        <row r="1849">
          <cell r="C1849">
            <v>1.532</v>
          </cell>
          <cell r="AT1849">
            <v>2003</v>
          </cell>
          <cell r="AU1849">
            <v>1</v>
          </cell>
        </row>
        <row r="1850">
          <cell r="C1850">
            <v>1.5238</v>
          </cell>
          <cell r="AT1850">
            <v>2003</v>
          </cell>
          <cell r="AU1850">
            <v>1</v>
          </cell>
        </row>
        <row r="1851">
          <cell r="C1851">
            <v>1.5221</v>
          </cell>
          <cell r="AT1851">
            <v>2003</v>
          </cell>
          <cell r="AU1851">
            <v>1</v>
          </cell>
        </row>
        <row r="1852">
          <cell r="C1852">
            <v>1.5221</v>
          </cell>
          <cell r="AT1852">
            <v>2003</v>
          </cell>
          <cell r="AU1852">
            <v>1</v>
          </cell>
        </row>
        <row r="1853">
          <cell r="C1853">
            <v>1.5221</v>
          </cell>
          <cell r="AT1853">
            <v>2003</v>
          </cell>
          <cell r="AU1853">
            <v>1</v>
          </cell>
        </row>
        <row r="1854">
          <cell r="C1854">
            <v>1.5247999999999999</v>
          </cell>
          <cell r="AT1854">
            <v>2003</v>
          </cell>
          <cell r="AU1854">
            <v>1</v>
          </cell>
        </row>
        <row r="1855">
          <cell r="C1855">
            <v>1.536</v>
          </cell>
          <cell r="AT1855">
            <v>2003</v>
          </cell>
          <cell r="AU1855">
            <v>1</v>
          </cell>
        </row>
        <row r="1856">
          <cell r="C1856">
            <v>1.5226999999999999</v>
          </cell>
          <cell r="AT1856">
            <v>2003</v>
          </cell>
          <cell r="AU1856">
            <v>1</v>
          </cell>
        </row>
        <row r="1857">
          <cell r="C1857">
            <v>1.5308999999999999</v>
          </cell>
          <cell r="AT1857">
            <v>2003</v>
          </cell>
          <cell r="AU1857">
            <v>1</v>
          </cell>
        </row>
        <row r="1858">
          <cell r="C1858">
            <v>1.5289999999999999</v>
          </cell>
          <cell r="AT1858">
            <v>2003</v>
          </cell>
          <cell r="AU1858">
            <v>2</v>
          </cell>
        </row>
        <row r="1859">
          <cell r="C1859">
            <v>1.5289999999999999</v>
          </cell>
          <cell r="AT1859">
            <v>2003</v>
          </cell>
          <cell r="AU1859">
            <v>2</v>
          </cell>
        </row>
        <row r="1860">
          <cell r="C1860">
            <v>1.5289999999999999</v>
          </cell>
          <cell r="AT1860">
            <v>2003</v>
          </cell>
          <cell r="AU1860">
            <v>2</v>
          </cell>
        </row>
        <row r="1861">
          <cell r="C1861">
            <v>1.5201</v>
          </cell>
          <cell r="AT1861">
            <v>2003</v>
          </cell>
          <cell r="AU1861">
            <v>2</v>
          </cell>
        </row>
        <row r="1862">
          <cell r="C1862">
            <v>1.5143</v>
          </cell>
          <cell r="AT1862">
            <v>2003</v>
          </cell>
          <cell r="AU1862">
            <v>2</v>
          </cell>
        </row>
        <row r="1863">
          <cell r="C1863">
            <v>1.5195000000000001</v>
          </cell>
          <cell r="AT1863">
            <v>2003</v>
          </cell>
          <cell r="AU1863">
            <v>2</v>
          </cell>
        </row>
        <row r="1864">
          <cell r="C1864">
            <v>1.5215000000000001</v>
          </cell>
          <cell r="AT1864">
            <v>2003</v>
          </cell>
          <cell r="AU1864">
            <v>2</v>
          </cell>
        </row>
        <row r="1865">
          <cell r="C1865">
            <v>1.5210999999999999</v>
          </cell>
          <cell r="AT1865">
            <v>2003</v>
          </cell>
          <cell r="AU1865">
            <v>2</v>
          </cell>
        </row>
        <row r="1866">
          <cell r="C1866">
            <v>1.5210999999999999</v>
          </cell>
          <cell r="AT1866">
            <v>2003</v>
          </cell>
          <cell r="AU1866">
            <v>2</v>
          </cell>
        </row>
        <row r="1867">
          <cell r="C1867">
            <v>1.5210999999999999</v>
          </cell>
          <cell r="AT1867">
            <v>2003</v>
          </cell>
          <cell r="AU1867">
            <v>2</v>
          </cell>
        </row>
        <row r="1868">
          <cell r="C1868">
            <v>1.5310999999999999</v>
          </cell>
          <cell r="AT1868">
            <v>2003</v>
          </cell>
          <cell r="AU1868">
            <v>2</v>
          </cell>
        </row>
        <row r="1869">
          <cell r="C1869">
            <v>1.5301</v>
          </cell>
          <cell r="AT1869">
            <v>2003</v>
          </cell>
          <cell r="AU1869">
            <v>2</v>
          </cell>
        </row>
        <row r="1870">
          <cell r="C1870">
            <v>1.5286999999999999</v>
          </cell>
          <cell r="AT1870">
            <v>2003</v>
          </cell>
          <cell r="AU1870">
            <v>2</v>
          </cell>
        </row>
        <row r="1871">
          <cell r="C1871">
            <v>1.5195000000000001</v>
          </cell>
          <cell r="AT1871">
            <v>2003</v>
          </cell>
          <cell r="AU1871">
            <v>2</v>
          </cell>
        </row>
        <row r="1872">
          <cell r="C1872">
            <v>1.5187999999999999</v>
          </cell>
          <cell r="AT1872">
            <v>2003</v>
          </cell>
          <cell r="AU1872">
            <v>2</v>
          </cell>
        </row>
        <row r="1873">
          <cell r="C1873">
            <v>1.5187999999999999</v>
          </cell>
          <cell r="AT1873">
            <v>2003</v>
          </cell>
          <cell r="AU1873">
            <v>2</v>
          </cell>
        </row>
        <row r="1874">
          <cell r="C1874">
            <v>1.5187999999999999</v>
          </cell>
          <cell r="AT1874">
            <v>2003</v>
          </cell>
          <cell r="AU1874">
            <v>2</v>
          </cell>
        </row>
        <row r="1875">
          <cell r="C1875">
            <v>1.5208999999999999</v>
          </cell>
          <cell r="AT1875">
            <v>2003</v>
          </cell>
          <cell r="AU1875">
            <v>2</v>
          </cell>
        </row>
        <row r="1876">
          <cell r="C1876">
            <v>1.5147999999999999</v>
          </cell>
          <cell r="AT1876">
            <v>2003</v>
          </cell>
          <cell r="AU1876">
            <v>2</v>
          </cell>
        </row>
        <row r="1877">
          <cell r="C1877">
            <v>1.5142</v>
          </cell>
          <cell r="AT1877">
            <v>2003</v>
          </cell>
          <cell r="AU1877">
            <v>2</v>
          </cell>
        </row>
        <row r="1878">
          <cell r="C1878">
            <v>1.5043</v>
          </cell>
          <cell r="AT1878">
            <v>2003</v>
          </cell>
          <cell r="AU1878">
            <v>2</v>
          </cell>
        </row>
        <row r="1879">
          <cell r="C1879">
            <v>1.5054000000000001</v>
          </cell>
          <cell r="AT1879">
            <v>2003</v>
          </cell>
          <cell r="AU1879">
            <v>2</v>
          </cell>
        </row>
        <row r="1880">
          <cell r="C1880">
            <v>1.5054000000000001</v>
          </cell>
          <cell r="AT1880">
            <v>2003</v>
          </cell>
          <cell r="AU1880">
            <v>2</v>
          </cell>
        </row>
        <row r="1881">
          <cell r="C1881">
            <v>1.5054000000000001</v>
          </cell>
          <cell r="AT1881">
            <v>2003</v>
          </cell>
          <cell r="AU1881">
            <v>2</v>
          </cell>
        </row>
        <row r="1882">
          <cell r="C1882">
            <v>1.4943</v>
          </cell>
          <cell r="AT1882">
            <v>2003</v>
          </cell>
          <cell r="AU1882">
            <v>2</v>
          </cell>
        </row>
        <row r="1883">
          <cell r="C1883">
            <v>1.4925999999999999</v>
          </cell>
          <cell r="AT1883">
            <v>2003</v>
          </cell>
          <cell r="AU1883">
            <v>2</v>
          </cell>
        </row>
        <row r="1884">
          <cell r="C1884">
            <v>1.4935</v>
          </cell>
          <cell r="AT1884">
            <v>2003</v>
          </cell>
          <cell r="AU1884">
            <v>2</v>
          </cell>
        </row>
        <row r="1885">
          <cell r="C1885">
            <v>1.4952000000000001</v>
          </cell>
          <cell r="AT1885">
            <v>2003</v>
          </cell>
          <cell r="AU1885">
            <v>2</v>
          </cell>
        </row>
        <row r="1886">
          <cell r="C1886">
            <v>1.4871000000000001</v>
          </cell>
          <cell r="AT1886">
            <v>2003</v>
          </cell>
          <cell r="AU1886">
            <v>3</v>
          </cell>
        </row>
        <row r="1887">
          <cell r="C1887">
            <v>1.4871000000000001</v>
          </cell>
          <cell r="AT1887">
            <v>2003</v>
          </cell>
          <cell r="AU1887">
            <v>3</v>
          </cell>
        </row>
        <row r="1888">
          <cell r="C1888">
            <v>1.4871000000000001</v>
          </cell>
          <cell r="AT1888">
            <v>2003</v>
          </cell>
          <cell r="AU1888">
            <v>3</v>
          </cell>
        </row>
        <row r="1889">
          <cell r="C1889">
            <v>1.4845999999999999</v>
          </cell>
          <cell r="AT1889">
            <v>2003</v>
          </cell>
          <cell r="AU1889">
            <v>3</v>
          </cell>
        </row>
        <row r="1890">
          <cell r="C1890">
            <v>1.4772000000000001</v>
          </cell>
          <cell r="AT1890">
            <v>2003</v>
          </cell>
          <cell r="AU1890">
            <v>3</v>
          </cell>
        </row>
        <row r="1891">
          <cell r="C1891">
            <v>1.4722999999999999</v>
          </cell>
          <cell r="AT1891">
            <v>2003</v>
          </cell>
          <cell r="AU1891">
            <v>3</v>
          </cell>
        </row>
        <row r="1892">
          <cell r="C1892">
            <v>1.4711000000000001</v>
          </cell>
          <cell r="AT1892">
            <v>2003</v>
          </cell>
          <cell r="AU1892">
            <v>3</v>
          </cell>
        </row>
        <row r="1893">
          <cell r="C1893">
            <v>1.4661999999999999</v>
          </cell>
          <cell r="AT1893">
            <v>2003</v>
          </cell>
          <cell r="AU1893">
            <v>3</v>
          </cell>
        </row>
        <row r="1894">
          <cell r="C1894">
            <v>1.4661999999999999</v>
          </cell>
          <cell r="AT1894">
            <v>2003</v>
          </cell>
          <cell r="AU1894">
            <v>3</v>
          </cell>
        </row>
        <row r="1895">
          <cell r="C1895">
            <v>1.4661999999999999</v>
          </cell>
          <cell r="AT1895">
            <v>2003</v>
          </cell>
          <cell r="AU1895">
            <v>3</v>
          </cell>
        </row>
        <row r="1896">
          <cell r="C1896">
            <v>1.4656</v>
          </cell>
          <cell r="AT1896">
            <v>2003</v>
          </cell>
          <cell r="AU1896">
            <v>3</v>
          </cell>
        </row>
        <row r="1897">
          <cell r="C1897">
            <v>1.4721</v>
          </cell>
          <cell r="AT1897">
            <v>2003</v>
          </cell>
          <cell r="AU1897">
            <v>3</v>
          </cell>
        </row>
        <row r="1898">
          <cell r="C1898">
            <v>1.4722999999999999</v>
          </cell>
          <cell r="AT1898">
            <v>2003</v>
          </cell>
          <cell r="AU1898">
            <v>3</v>
          </cell>
        </row>
        <row r="1899">
          <cell r="C1899">
            <v>1.4850000000000001</v>
          </cell>
          <cell r="AT1899">
            <v>2003</v>
          </cell>
          <cell r="AU1899">
            <v>3</v>
          </cell>
        </row>
        <row r="1900">
          <cell r="C1900">
            <v>1.4822</v>
          </cell>
          <cell r="AT1900">
            <v>2003</v>
          </cell>
          <cell r="AU1900">
            <v>3</v>
          </cell>
        </row>
        <row r="1901">
          <cell r="C1901">
            <v>1.4822</v>
          </cell>
          <cell r="AT1901">
            <v>2003</v>
          </cell>
          <cell r="AU1901">
            <v>3</v>
          </cell>
        </row>
        <row r="1902">
          <cell r="C1902">
            <v>1.4822</v>
          </cell>
          <cell r="AT1902">
            <v>2003</v>
          </cell>
          <cell r="AU1902">
            <v>3</v>
          </cell>
        </row>
        <row r="1903">
          <cell r="C1903">
            <v>1.4835</v>
          </cell>
          <cell r="AT1903">
            <v>2003</v>
          </cell>
          <cell r="AU1903">
            <v>3</v>
          </cell>
        </row>
        <row r="1904">
          <cell r="C1904">
            <v>1.4785999999999999</v>
          </cell>
          <cell r="AT1904">
            <v>2003</v>
          </cell>
          <cell r="AU1904">
            <v>3</v>
          </cell>
        </row>
        <row r="1905">
          <cell r="C1905">
            <v>1.4803999999999999</v>
          </cell>
          <cell r="AT1905">
            <v>2003</v>
          </cell>
          <cell r="AU1905">
            <v>3</v>
          </cell>
        </row>
        <row r="1906">
          <cell r="C1906">
            <v>1.4783999999999999</v>
          </cell>
          <cell r="AT1906">
            <v>2003</v>
          </cell>
          <cell r="AU1906">
            <v>3</v>
          </cell>
        </row>
        <row r="1907">
          <cell r="C1907">
            <v>1.4906999999999999</v>
          </cell>
          <cell r="AT1907">
            <v>2003</v>
          </cell>
          <cell r="AU1907">
            <v>3</v>
          </cell>
        </row>
        <row r="1908">
          <cell r="C1908">
            <v>1.4906999999999999</v>
          </cell>
          <cell r="AT1908">
            <v>2003</v>
          </cell>
          <cell r="AU1908">
            <v>3</v>
          </cell>
        </row>
        <row r="1909">
          <cell r="C1909">
            <v>1.4906999999999999</v>
          </cell>
          <cell r="AT1909">
            <v>2003</v>
          </cell>
          <cell r="AU1909">
            <v>3</v>
          </cell>
        </row>
        <row r="1910">
          <cell r="C1910">
            <v>1.4801</v>
          </cell>
          <cell r="AT1910">
            <v>2003</v>
          </cell>
          <cell r="AU1910">
            <v>3</v>
          </cell>
        </row>
        <row r="1911">
          <cell r="C1911">
            <v>1.4775</v>
          </cell>
          <cell r="AT1911">
            <v>2003</v>
          </cell>
          <cell r="AU1911">
            <v>3</v>
          </cell>
        </row>
        <row r="1912">
          <cell r="C1912">
            <v>1.4710000000000001</v>
          </cell>
          <cell r="AT1912">
            <v>2003</v>
          </cell>
          <cell r="AU1912">
            <v>3</v>
          </cell>
        </row>
        <row r="1913">
          <cell r="C1913">
            <v>1.4681999999999999</v>
          </cell>
          <cell r="AT1913">
            <v>2003</v>
          </cell>
          <cell r="AU1913">
            <v>3</v>
          </cell>
        </row>
        <row r="1914">
          <cell r="C1914">
            <v>1.4678</v>
          </cell>
          <cell r="AT1914">
            <v>2003</v>
          </cell>
          <cell r="AU1914">
            <v>3</v>
          </cell>
        </row>
        <row r="1915">
          <cell r="C1915">
            <v>1.4678</v>
          </cell>
          <cell r="AT1915">
            <v>2003</v>
          </cell>
          <cell r="AU1915">
            <v>3</v>
          </cell>
        </row>
        <row r="1916">
          <cell r="C1916">
            <v>1.4678</v>
          </cell>
          <cell r="AT1916">
            <v>2003</v>
          </cell>
          <cell r="AU1916">
            <v>3</v>
          </cell>
        </row>
        <row r="1917">
          <cell r="C1917">
            <v>1.4693000000000001</v>
          </cell>
          <cell r="AT1917">
            <v>2003</v>
          </cell>
          <cell r="AU1917">
            <v>4</v>
          </cell>
        </row>
        <row r="1918">
          <cell r="C1918">
            <v>1.4725999999999999</v>
          </cell>
          <cell r="AT1918">
            <v>2003</v>
          </cell>
          <cell r="AU1918">
            <v>4</v>
          </cell>
        </row>
        <row r="1919">
          <cell r="C1919">
            <v>1.4761</v>
          </cell>
          <cell r="AT1919">
            <v>2003</v>
          </cell>
          <cell r="AU1919">
            <v>4</v>
          </cell>
        </row>
        <row r="1920">
          <cell r="C1920">
            <v>1.4752000000000001</v>
          </cell>
          <cell r="AT1920">
            <v>2003</v>
          </cell>
          <cell r="AU1920">
            <v>4</v>
          </cell>
        </row>
        <row r="1921">
          <cell r="C1921">
            <v>1.4719</v>
          </cell>
          <cell r="AT1921">
            <v>2003</v>
          </cell>
          <cell r="AU1921">
            <v>4</v>
          </cell>
        </row>
        <row r="1922">
          <cell r="C1922">
            <v>1.4719</v>
          </cell>
          <cell r="AT1922">
            <v>2003</v>
          </cell>
          <cell r="AU1922">
            <v>4</v>
          </cell>
        </row>
        <row r="1923">
          <cell r="C1923">
            <v>1.4719</v>
          </cell>
          <cell r="AT1923">
            <v>2003</v>
          </cell>
          <cell r="AU1923">
            <v>4</v>
          </cell>
        </row>
        <row r="1924">
          <cell r="C1924">
            <v>1.4845999999999999</v>
          </cell>
          <cell r="AT1924">
            <v>2003</v>
          </cell>
          <cell r="AU1924">
            <v>4</v>
          </cell>
        </row>
        <row r="1925">
          <cell r="C1925">
            <v>1.4679</v>
          </cell>
          <cell r="AT1925">
            <v>2003</v>
          </cell>
          <cell r="AU1925">
            <v>4</v>
          </cell>
        </row>
        <row r="1926">
          <cell r="C1926">
            <v>1.4678</v>
          </cell>
          <cell r="AT1926">
            <v>2003</v>
          </cell>
          <cell r="AU1926">
            <v>4</v>
          </cell>
        </row>
        <row r="1927">
          <cell r="C1927">
            <v>1.4570000000000001</v>
          </cell>
          <cell r="AT1927">
            <v>2003</v>
          </cell>
          <cell r="AU1927">
            <v>4</v>
          </cell>
        </row>
        <row r="1928">
          <cell r="C1928">
            <v>1.4516</v>
          </cell>
          <cell r="AT1928">
            <v>2003</v>
          </cell>
          <cell r="AU1928">
            <v>4</v>
          </cell>
        </row>
        <row r="1929">
          <cell r="C1929">
            <v>1.4516</v>
          </cell>
          <cell r="AT1929">
            <v>2003</v>
          </cell>
          <cell r="AU1929">
            <v>4</v>
          </cell>
        </row>
        <row r="1930">
          <cell r="C1930">
            <v>1.4516</v>
          </cell>
          <cell r="AT1930">
            <v>2003</v>
          </cell>
          <cell r="AU1930">
            <v>4</v>
          </cell>
        </row>
        <row r="1931">
          <cell r="C1931">
            <v>1.4532</v>
          </cell>
          <cell r="AT1931">
            <v>2003</v>
          </cell>
          <cell r="AU1931">
            <v>4</v>
          </cell>
        </row>
        <row r="1932">
          <cell r="C1932">
            <v>1.4515</v>
          </cell>
          <cell r="AT1932">
            <v>2003</v>
          </cell>
          <cell r="AU1932">
            <v>4</v>
          </cell>
        </row>
        <row r="1933">
          <cell r="C1933">
            <v>1.4561999999999999</v>
          </cell>
          <cell r="AT1933">
            <v>2003</v>
          </cell>
          <cell r="AU1933">
            <v>4</v>
          </cell>
        </row>
        <row r="1934">
          <cell r="C1934">
            <v>1.4496</v>
          </cell>
          <cell r="AT1934">
            <v>2003</v>
          </cell>
          <cell r="AU1934">
            <v>4</v>
          </cell>
        </row>
        <row r="1935">
          <cell r="C1935">
            <v>1.4496</v>
          </cell>
          <cell r="AT1935">
            <v>2003</v>
          </cell>
          <cell r="AU1935">
            <v>4</v>
          </cell>
        </row>
        <row r="1936">
          <cell r="C1936">
            <v>1.4496</v>
          </cell>
          <cell r="AT1936">
            <v>2003</v>
          </cell>
          <cell r="AU1936">
            <v>4</v>
          </cell>
        </row>
        <row r="1937">
          <cell r="C1937">
            <v>1.4496</v>
          </cell>
          <cell r="AT1937">
            <v>2003</v>
          </cell>
          <cell r="AU1937">
            <v>4</v>
          </cell>
        </row>
        <row r="1938">
          <cell r="C1938">
            <v>1.4543999999999999</v>
          </cell>
          <cell r="AT1938">
            <v>2003</v>
          </cell>
          <cell r="AU1938">
            <v>4</v>
          </cell>
        </row>
        <row r="1939">
          <cell r="C1939">
            <v>1.4471000000000001</v>
          </cell>
          <cell r="AT1939">
            <v>2003</v>
          </cell>
          <cell r="AU1939">
            <v>4</v>
          </cell>
        </row>
        <row r="1940">
          <cell r="C1940">
            <v>1.4510000000000001</v>
          </cell>
          <cell r="AT1940">
            <v>2003</v>
          </cell>
          <cell r="AU1940">
            <v>4</v>
          </cell>
        </row>
        <row r="1941">
          <cell r="C1941">
            <v>1.4579</v>
          </cell>
          <cell r="AT1941">
            <v>2003</v>
          </cell>
          <cell r="AU1941">
            <v>4</v>
          </cell>
        </row>
        <row r="1942">
          <cell r="C1942">
            <v>1.4532</v>
          </cell>
          <cell r="AT1942">
            <v>2003</v>
          </cell>
          <cell r="AU1942">
            <v>4</v>
          </cell>
        </row>
        <row r="1943">
          <cell r="C1943">
            <v>1.4532</v>
          </cell>
          <cell r="AT1943">
            <v>2003</v>
          </cell>
          <cell r="AU1943">
            <v>4</v>
          </cell>
        </row>
        <row r="1944">
          <cell r="C1944">
            <v>1.4532</v>
          </cell>
          <cell r="AT1944">
            <v>2003</v>
          </cell>
          <cell r="AU1944">
            <v>4</v>
          </cell>
        </row>
        <row r="1945">
          <cell r="C1945">
            <v>1.4500999999999999</v>
          </cell>
          <cell r="AT1945">
            <v>2003</v>
          </cell>
          <cell r="AU1945">
            <v>4</v>
          </cell>
        </row>
        <row r="1946">
          <cell r="C1946">
            <v>1.4457</v>
          </cell>
          <cell r="AT1946">
            <v>2003</v>
          </cell>
          <cell r="AU1946">
            <v>4</v>
          </cell>
        </row>
        <row r="1947">
          <cell r="C1947">
            <v>1.4335</v>
          </cell>
          <cell r="AT1947">
            <v>2003</v>
          </cell>
          <cell r="AU1947">
            <v>5</v>
          </cell>
        </row>
        <row r="1948">
          <cell r="C1948">
            <v>1.4188000000000001</v>
          </cell>
          <cell r="AT1948">
            <v>2003</v>
          </cell>
          <cell r="AU1948">
            <v>5</v>
          </cell>
        </row>
        <row r="1949">
          <cell r="C1949">
            <v>1.4222999999999999</v>
          </cell>
          <cell r="AT1949">
            <v>2003</v>
          </cell>
          <cell r="AU1949">
            <v>5</v>
          </cell>
        </row>
        <row r="1950">
          <cell r="C1950">
            <v>1.4222999999999999</v>
          </cell>
          <cell r="AT1950">
            <v>2003</v>
          </cell>
          <cell r="AU1950">
            <v>5</v>
          </cell>
        </row>
        <row r="1951">
          <cell r="C1951">
            <v>1.4222999999999999</v>
          </cell>
          <cell r="AT1951">
            <v>2003</v>
          </cell>
          <cell r="AU1951">
            <v>5</v>
          </cell>
        </row>
        <row r="1952">
          <cell r="C1952">
            <v>1.4132</v>
          </cell>
          <cell r="AT1952">
            <v>2003</v>
          </cell>
          <cell r="AU1952">
            <v>5</v>
          </cell>
        </row>
        <row r="1953">
          <cell r="C1953">
            <v>1.4081999999999999</v>
          </cell>
          <cell r="AT1953">
            <v>2003</v>
          </cell>
          <cell r="AU1953">
            <v>5</v>
          </cell>
        </row>
        <row r="1954">
          <cell r="C1954">
            <v>1.4009</v>
          </cell>
          <cell r="AT1954">
            <v>2003</v>
          </cell>
          <cell r="AU1954">
            <v>5</v>
          </cell>
        </row>
        <row r="1955">
          <cell r="C1955">
            <v>1.3952</v>
          </cell>
          <cell r="AT1955">
            <v>2003</v>
          </cell>
          <cell r="AU1955">
            <v>5</v>
          </cell>
        </row>
        <row r="1956">
          <cell r="C1956">
            <v>1.3927</v>
          </cell>
          <cell r="AT1956">
            <v>2003</v>
          </cell>
          <cell r="AU1956">
            <v>5</v>
          </cell>
        </row>
        <row r="1957">
          <cell r="C1957">
            <v>1.3927</v>
          </cell>
          <cell r="AT1957">
            <v>2003</v>
          </cell>
          <cell r="AU1957">
            <v>5</v>
          </cell>
        </row>
        <row r="1958">
          <cell r="C1958">
            <v>1.3927</v>
          </cell>
          <cell r="AT1958">
            <v>2003</v>
          </cell>
          <cell r="AU1958">
            <v>5</v>
          </cell>
        </row>
        <row r="1959">
          <cell r="C1959">
            <v>1.3887</v>
          </cell>
          <cell r="AT1959">
            <v>2003</v>
          </cell>
          <cell r="AU1959">
            <v>5</v>
          </cell>
        </row>
        <row r="1960">
          <cell r="C1960">
            <v>1.3897999999999999</v>
          </cell>
          <cell r="AT1960">
            <v>2003</v>
          </cell>
          <cell r="AU1960">
            <v>5</v>
          </cell>
        </row>
        <row r="1961">
          <cell r="C1961">
            <v>1.3787</v>
          </cell>
          <cell r="AT1961">
            <v>2003</v>
          </cell>
          <cell r="AU1961">
            <v>5</v>
          </cell>
        </row>
        <row r="1962">
          <cell r="C1962">
            <v>1.3761000000000001</v>
          </cell>
          <cell r="AT1962">
            <v>2003</v>
          </cell>
          <cell r="AU1962">
            <v>5</v>
          </cell>
        </row>
        <row r="1963">
          <cell r="C1963">
            <v>1.3667</v>
          </cell>
          <cell r="AT1963">
            <v>2003</v>
          </cell>
          <cell r="AU1963">
            <v>5</v>
          </cell>
        </row>
        <row r="1964">
          <cell r="C1964">
            <v>1.3667</v>
          </cell>
          <cell r="AT1964">
            <v>2003</v>
          </cell>
          <cell r="AU1964">
            <v>5</v>
          </cell>
        </row>
        <row r="1965">
          <cell r="C1965">
            <v>1.3667</v>
          </cell>
          <cell r="AT1965">
            <v>2003</v>
          </cell>
          <cell r="AU1965">
            <v>5</v>
          </cell>
        </row>
        <row r="1966">
          <cell r="C1966">
            <v>1.3667</v>
          </cell>
          <cell r="AT1966">
            <v>2003</v>
          </cell>
          <cell r="AU1966">
            <v>5</v>
          </cell>
        </row>
        <row r="1967">
          <cell r="C1967">
            <v>1.3446</v>
          </cell>
          <cell r="AT1967">
            <v>2003</v>
          </cell>
          <cell r="AU1967">
            <v>5</v>
          </cell>
        </row>
        <row r="1968">
          <cell r="C1968">
            <v>1.3494999999999999</v>
          </cell>
          <cell r="AT1968">
            <v>2003</v>
          </cell>
          <cell r="AU1968">
            <v>5</v>
          </cell>
        </row>
        <row r="1969">
          <cell r="C1969">
            <v>1.3682000000000001</v>
          </cell>
          <cell r="AT1969">
            <v>2003</v>
          </cell>
          <cell r="AU1969">
            <v>5</v>
          </cell>
        </row>
        <row r="1970">
          <cell r="C1970">
            <v>1.3774999999999999</v>
          </cell>
          <cell r="AT1970">
            <v>2003</v>
          </cell>
          <cell r="AU1970">
            <v>5</v>
          </cell>
        </row>
        <row r="1971">
          <cell r="C1971">
            <v>1.3774999999999999</v>
          </cell>
          <cell r="AT1971">
            <v>2003</v>
          </cell>
          <cell r="AU1971">
            <v>5</v>
          </cell>
        </row>
        <row r="1972">
          <cell r="C1972">
            <v>1.3774999999999999</v>
          </cell>
          <cell r="AT1972">
            <v>2003</v>
          </cell>
          <cell r="AU1972">
            <v>5</v>
          </cell>
        </row>
        <row r="1973">
          <cell r="C1973">
            <v>1.3744000000000001</v>
          </cell>
          <cell r="AT1973">
            <v>2003</v>
          </cell>
          <cell r="AU1973">
            <v>5</v>
          </cell>
        </row>
        <row r="1974">
          <cell r="C1974">
            <v>1.3746</v>
          </cell>
          <cell r="AT1974">
            <v>2003</v>
          </cell>
          <cell r="AU1974">
            <v>5</v>
          </cell>
        </row>
        <row r="1975">
          <cell r="C1975">
            <v>1.3866000000000001</v>
          </cell>
          <cell r="AT1975">
            <v>2003</v>
          </cell>
          <cell r="AU1975">
            <v>5</v>
          </cell>
        </row>
        <row r="1976">
          <cell r="C1976">
            <v>1.3769</v>
          </cell>
          <cell r="AT1976">
            <v>2003</v>
          </cell>
          <cell r="AU1976">
            <v>5</v>
          </cell>
        </row>
        <row r="1977">
          <cell r="C1977">
            <v>1.3708</v>
          </cell>
          <cell r="AT1977">
            <v>2003</v>
          </cell>
          <cell r="AU1977">
            <v>5</v>
          </cell>
        </row>
        <row r="1978">
          <cell r="C1978">
            <v>1.3708</v>
          </cell>
          <cell r="AT1978">
            <v>2003</v>
          </cell>
          <cell r="AU1978">
            <v>6</v>
          </cell>
        </row>
        <row r="1979">
          <cell r="C1979">
            <v>1.3708</v>
          </cell>
          <cell r="AT1979">
            <v>2003</v>
          </cell>
          <cell r="AU1979">
            <v>6</v>
          </cell>
        </row>
        <row r="1980">
          <cell r="C1980">
            <v>1.3694999999999999</v>
          </cell>
          <cell r="AT1980">
            <v>2003</v>
          </cell>
          <cell r="AU1980">
            <v>6</v>
          </cell>
        </row>
        <row r="1981">
          <cell r="C1981">
            <v>1.3757999999999999</v>
          </cell>
          <cell r="AT1981">
            <v>2003</v>
          </cell>
          <cell r="AU1981">
            <v>6</v>
          </cell>
        </row>
        <row r="1982">
          <cell r="C1982">
            <v>1.3573999999999999</v>
          </cell>
          <cell r="AT1982">
            <v>2003</v>
          </cell>
          <cell r="AU1982">
            <v>6</v>
          </cell>
        </row>
        <row r="1983">
          <cell r="C1983">
            <v>1.3401000000000001</v>
          </cell>
          <cell r="AT1983">
            <v>2003</v>
          </cell>
          <cell r="AU1983">
            <v>6</v>
          </cell>
        </row>
        <row r="1984">
          <cell r="C1984">
            <v>1.35</v>
          </cell>
          <cell r="AT1984">
            <v>2003</v>
          </cell>
          <cell r="AU1984">
            <v>6</v>
          </cell>
        </row>
        <row r="1985">
          <cell r="C1985">
            <v>1.35</v>
          </cell>
          <cell r="AT1985">
            <v>2003</v>
          </cell>
          <cell r="AU1985">
            <v>6</v>
          </cell>
        </row>
        <row r="1986">
          <cell r="C1986">
            <v>1.35</v>
          </cell>
          <cell r="AT1986">
            <v>2003</v>
          </cell>
          <cell r="AU1986">
            <v>6</v>
          </cell>
        </row>
        <row r="1987">
          <cell r="C1987">
            <v>1.3584000000000001</v>
          </cell>
          <cell r="AT1987">
            <v>2003</v>
          </cell>
          <cell r="AU1987">
            <v>6</v>
          </cell>
        </row>
        <row r="1988">
          <cell r="C1988">
            <v>1.3648</v>
          </cell>
          <cell r="AT1988">
            <v>2003</v>
          </cell>
          <cell r="AU1988">
            <v>6</v>
          </cell>
        </row>
        <row r="1989">
          <cell r="C1989">
            <v>1.3529</v>
          </cell>
          <cell r="AT1989">
            <v>2003</v>
          </cell>
          <cell r="AU1989">
            <v>6</v>
          </cell>
        </row>
        <row r="1990">
          <cell r="C1990">
            <v>1.3489</v>
          </cell>
          <cell r="AT1990">
            <v>2003</v>
          </cell>
          <cell r="AU1990">
            <v>6</v>
          </cell>
        </row>
        <row r="1991">
          <cell r="C1991">
            <v>1.3361000000000001</v>
          </cell>
          <cell r="AT1991">
            <v>2003</v>
          </cell>
          <cell r="AU1991">
            <v>6</v>
          </cell>
        </row>
        <row r="1992">
          <cell r="C1992">
            <v>1.3361000000000001</v>
          </cell>
          <cell r="AT1992">
            <v>2003</v>
          </cell>
          <cell r="AU1992">
            <v>6</v>
          </cell>
        </row>
        <row r="1993">
          <cell r="C1993">
            <v>1.3361000000000001</v>
          </cell>
          <cell r="AT1993">
            <v>2003</v>
          </cell>
          <cell r="AU1993">
            <v>6</v>
          </cell>
        </row>
        <row r="1994">
          <cell r="C1994">
            <v>1.3391999999999999</v>
          </cell>
          <cell r="AT1994">
            <v>2003</v>
          </cell>
          <cell r="AU1994">
            <v>6</v>
          </cell>
        </row>
        <row r="1995">
          <cell r="C1995">
            <v>1.3395999999999999</v>
          </cell>
          <cell r="AT1995">
            <v>2003</v>
          </cell>
          <cell r="AU1995">
            <v>6</v>
          </cell>
        </row>
        <row r="1996">
          <cell r="C1996">
            <v>1.3342000000000001</v>
          </cell>
          <cell r="AT1996">
            <v>2003</v>
          </cell>
          <cell r="AU1996">
            <v>6</v>
          </cell>
        </row>
        <row r="1997">
          <cell r="C1997">
            <v>1.3495999999999999</v>
          </cell>
          <cell r="AT1997">
            <v>2003</v>
          </cell>
          <cell r="AU1997">
            <v>6</v>
          </cell>
        </row>
        <row r="1998">
          <cell r="C1998">
            <v>1.3592</v>
          </cell>
          <cell r="AT1998">
            <v>2003</v>
          </cell>
          <cell r="AU1998">
            <v>6</v>
          </cell>
        </row>
        <row r="1999">
          <cell r="C1999">
            <v>1.3592</v>
          </cell>
          <cell r="AT1999">
            <v>2003</v>
          </cell>
          <cell r="AU1999">
            <v>6</v>
          </cell>
        </row>
        <row r="2000">
          <cell r="C2000">
            <v>1.3592</v>
          </cell>
          <cell r="AT2000">
            <v>2003</v>
          </cell>
          <cell r="AU2000">
            <v>6</v>
          </cell>
        </row>
        <row r="2001">
          <cell r="C2001">
            <v>1.3562000000000001</v>
          </cell>
          <cell r="AT2001">
            <v>2003</v>
          </cell>
          <cell r="AU2001">
            <v>6</v>
          </cell>
        </row>
        <row r="2002">
          <cell r="C2002">
            <v>1.361</v>
          </cell>
          <cell r="AT2002">
            <v>2003</v>
          </cell>
          <cell r="AU2002">
            <v>6</v>
          </cell>
        </row>
        <row r="2003">
          <cell r="C2003">
            <v>1.3427</v>
          </cell>
          <cell r="AT2003">
            <v>2003</v>
          </cell>
          <cell r="AU2003">
            <v>6</v>
          </cell>
        </row>
        <row r="2004">
          <cell r="C2004">
            <v>1.3539000000000001</v>
          </cell>
          <cell r="AT2004">
            <v>2003</v>
          </cell>
          <cell r="AU2004">
            <v>6</v>
          </cell>
        </row>
        <row r="2005">
          <cell r="C2005">
            <v>1.3489</v>
          </cell>
          <cell r="AT2005">
            <v>2003</v>
          </cell>
          <cell r="AU2005">
            <v>6</v>
          </cell>
        </row>
        <row r="2006">
          <cell r="C2006">
            <v>1.3489</v>
          </cell>
          <cell r="AT2006">
            <v>2003</v>
          </cell>
          <cell r="AU2006">
            <v>6</v>
          </cell>
        </row>
        <row r="2007">
          <cell r="C2007">
            <v>1.3489</v>
          </cell>
          <cell r="AT2007">
            <v>2003</v>
          </cell>
          <cell r="AU2007">
            <v>6</v>
          </cell>
        </row>
        <row r="2008">
          <cell r="C2008">
            <v>1.3552999999999999</v>
          </cell>
          <cell r="AT2008">
            <v>2003</v>
          </cell>
          <cell r="AU2008">
            <v>7</v>
          </cell>
        </row>
        <row r="2009">
          <cell r="C2009">
            <v>1.3552999999999999</v>
          </cell>
          <cell r="AT2009">
            <v>2003</v>
          </cell>
          <cell r="AU2009">
            <v>7</v>
          </cell>
        </row>
        <row r="2010">
          <cell r="C2010">
            <v>1.3363</v>
          </cell>
          <cell r="AT2010">
            <v>2003</v>
          </cell>
          <cell r="AU2010">
            <v>7</v>
          </cell>
        </row>
        <row r="2011">
          <cell r="C2011">
            <v>1.3409</v>
          </cell>
          <cell r="AT2011">
            <v>2003</v>
          </cell>
          <cell r="AU2011">
            <v>7</v>
          </cell>
        </row>
        <row r="2012">
          <cell r="C2012">
            <v>1.3409</v>
          </cell>
          <cell r="AT2012">
            <v>2003</v>
          </cell>
          <cell r="AU2012">
            <v>7</v>
          </cell>
        </row>
        <row r="2013">
          <cell r="C2013">
            <v>1.3409</v>
          </cell>
          <cell r="AT2013">
            <v>2003</v>
          </cell>
          <cell r="AU2013">
            <v>7</v>
          </cell>
        </row>
        <row r="2014">
          <cell r="C2014">
            <v>1.3409</v>
          </cell>
          <cell r="AT2014">
            <v>2003</v>
          </cell>
          <cell r="AU2014">
            <v>7</v>
          </cell>
        </row>
        <row r="2015">
          <cell r="C2015">
            <v>1.3484</v>
          </cell>
          <cell r="AT2015">
            <v>2003</v>
          </cell>
          <cell r="AU2015">
            <v>7</v>
          </cell>
        </row>
        <row r="2016">
          <cell r="C2016">
            <v>1.3691</v>
          </cell>
          <cell r="AT2016">
            <v>2003</v>
          </cell>
          <cell r="AU2016">
            <v>7</v>
          </cell>
        </row>
        <row r="2017">
          <cell r="C2017">
            <v>1.3749</v>
          </cell>
          <cell r="AT2017">
            <v>2003</v>
          </cell>
          <cell r="AU2017">
            <v>7</v>
          </cell>
        </row>
        <row r="2018">
          <cell r="C2018">
            <v>1.3821000000000001</v>
          </cell>
          <cell r="AT2018">
            <v>2003</v>
          </cell>
          <cell r="AU2018">
            <v>7</v>
          </cell>
        </row>
        <row r="2019">
          <cell r="C2019">
            <v>1.3761000000000001</v>
          </cell>
          <cell r="AT2019">
            <v>2003</v>
          </cell>
          <cell r="AU2019">
            <v>7</v>
          </cell>
        </row>
        <row r="2020">
          <cell r="C2020">
            <v>1.3761000000000001</v>
          </cell>
          <cell r="AT2020">
            <v>2003</v>
          </cell>
          <cell r="AU2020">
            <v>7</v>
          </cell>
        </row>
        <row r="2021">
          <cell r="C2021">
            <v>1.3761000000000001</v>
          </cell>
          <cell r="AT2021">
            <v>2003</v>
          </cell>
          <cell r="AU2021">
            <v>7</v>
          </cell>
        </row>
        <row r="2022">
          <cell r="C2022">
            <v>1.3738999999999999</v>
          </cell>
          <cell r="AT2022">
            <v>2003</v>
          </cell>
          <cell r="AU2022">
            <v>7</v>
          </cell>
        </row>
        <row r="2023">
          <cell r="C2023">
            <v>1.3929</v>
          </cell>
          <cell r="AT2023">
            <v>2003</v>
          </cell>
          <cell r="AU2023">
            <v>7</v>
          </cell>
        </row>
        <row r="2024">
          <cell r="C2024">
            <v>1.3861000000000001</v>
          </cell>
          <cell r="AT2024">
            <v>2003</v>
          </cell>
          <cell r="AU2024">
            <v>7</v>
          </cell>
        </row>
        <row r="2025">
          <cell r="C2025">
            <v>1.3971</v>
          </cell>
          <cell r="AT2025">
            <v>2003</v>
          </cell>
          <cell r="AU2025">
            <v>7</v>
          </cell>
        </row>
        <row r="2026">
          <cell r="C2026">
            <v>1.4114</v>
          </cell>
          <cell r="AT2026">
            <v>2003</v>
          </cell>
          <cell r="AU2026">
            <v>7</v>
          </cell>
        </row>
        <row r="2027">
          <cell r="C2027">
            <v>1.4114</v>
          </cell>
          <cell r="AT2027">
            <v>2003</v>
          </cell>
          <cell r="AU2027">
            <v>7</v>
          </cell>
        </row>
        <row r="2028">
          <cell r="C2028">
            <v>1.4114</v>
          </cell>
          <cell r="AT2028">
            <v>2003</v>
          </cell>
          <cell r="AU2028">
            <v>7</v>
          </cell>
        </row>
        <row r="2029">
          <cell r="C2029">
            <v>1.4052</v>
          </cell>
          <cell r="AT2029">
            <v>2003</v>
          </cell>
          <cell r="AU2029">
            <v>7</v>
          </cell>
        </row>
        <row r="2030">
          <cell r="C2030">
            <v>1.4116</v>
          </cell>
          <cell r="AT2030">
            <v>2003</v>
          </cell>
          <cell r="AU2030">
            <v>7</v>
          </cell>
        </row>
        <row r="2031">
          <cell r="C2031">
            <v>1.3991</v>
          </cell>
          <cell r="AT2031">
            <v>2003</v>
          </cell>
          <cell r="AU2031">
            <v>7</v>
          </cell>
        </row>
        <row r="2032">
          <cell r="C2032">
            <v>1.3962000000000001</v>
          </cell>
          <cell r="AT2032">
            <v>2003</v>
          </cell>
          <cell r="AU2032">
            <v>7</v>
          </cell>
        </row>
        <row r="2033">
          <cell r="C2033">
            <v>1.3812</v>
          </cell>
          <cell r="AT2033">
            <v>2003</v>
          </cell>
          <cell r="AU2033">
            <v>7</v>
          </cell>
        </row>
        <row r="2034">
          <cell r="C2034">
            <v>1.3812</v>
          </cell>
          <cell r="AT2034">
            <v>2003</v>
          </cell>
          <cell r="AU2034">
            <v>7</v>
          </cell>
        </row>
        <row r="2035">
          <cell r="C2035">
            <v>1.3812</v>
          </cell>
          <cell r="AT2035">
            <v>2003</v>
          </cell>
          <cell r="AU2035">
            <v>7</v>
          </cell>
        </row>
        <row r="2036">
          <cell r="C2036">
            <v>1.3818999999999999</v>
          </cell>
          <cell r="AT2036">
            <v>2003</v>
          </cell>
          <cell r="AU2036">
            <v>7</v>
          </cell>
        </row>
        <row r="2037">
          <cell r="C2037">
            <v>1.3855</v>
          </cell>
          <cell r="AT2037">
            <v>2003</v>
          </cell>
          <cell r="AU2037">
            <v>7</v>
          </cell>
        </row>
        <row r="2038">
          <cell r="C2038">
            <v>1.3996999999999999</v>
          </cell>
          <cell r="AT2038">
            <v>2003</v>
          </cell>
          <cell r="AU2038">
            <v>7</v>
          </cell>
        </row>
        <row r="2039">
          <cell r="C2039">
            <v>1.4073</v>
          </cell>
          <cell r="AT2039">
            <v>2003</v>
          </cell>
          <cell r="AU2039">
            <v>8</v>
          </cell>
        </row>
        <row r="2040">
          <cell r="C2040">
            <v>1.3964000000000001</v>
          </cell>
          <cell r="AT2040">
            <v>2003</v>
          </cell>
          <cell r="AU2040">
            <v>8</v>
          </cell>
        </row>
        <row r="2041">
          <cell r="C2041">
            <v>1.3964000000000001</v>
          </cell>
          <cell r="AT2041">
            <v>2003</v>
          </cell>
          <cell r="AU2041">
            <v>8</v>
          </cell>
        </row>
        <row r="2042">
          <cell r="C2042">
            <v>1.3964000000000001</v>
          </cell>
          <cell r="AT2042">
            <v>2003</v>
          </cell>
          <cell r="AU2042">
            <v>8</v>
          </cell>
        </row>
        <row r="2043">
          <cell r="C2043">
            <v>1.3964000000000001</v>
          </cell>
          <cell r="AT2043">
            <v>2003</v>
          </cell>
          <cell r="AU2043">
            <v>8</v>
          </cell>
        </row>
        <row r="2044">
          <cell r="C2044">
            <v>1.4043000000000001</v>
          </cell>
          <cell r="AT2044">
            <v>2003</v>
          </cell>
          <cell r="AU2044">
            <v>8</v>
          </cell>
        </row>
        <row r="2045">
          <cell r="C2045">
            <v>1.4057999999999999</v>
          </cell>
          <cell r="AT2045">
            <v>2003</v>
          </cell>
          <cell r="AU2045">
            <v>8</v>
          </cell>
        </row>
        <row r="2046">
          <cell r="C2046">
            <v>1.3932</v>
          </cell>
          <cell r="AT2046">
            <v>2003</v>
          </cell>
          <cell r="AU2046">
            <v>8</v>
          </cell>
        </row>
        <row r="2047">
          <cell r="C2047">
            <v>1.3935</v>
          </cell>
          <cell r="AT2047">
            <v>2003</v>
          </cell>
          <cell r="AU2047">
            <v>8</v>
          </cell>
        </row>
        <row r="2048">
          <cell r="C2048">
            <v>1.3935</v>
          </cell>
          <cell r="AT2048">
            <v>2003</v>
          </cell>
          <cell r="AU2048">
            <v>8</v>
          </cell>
        </row>
        <row r="2049">
          <cell r="C2049">
            <v>1.3935</v>
          </cell>
          <cell r="AT2049">
            <v>2003</v>
          </cell>
          <cell r="AU2049">
            <v>8</v>
          </cell>
        </row>
        <row r="2050">
          <cell r="C2050">
            <v>1.3835</v>
          </cell>
          <cell r="AT2050">
            <v>2003</v>
          </cell>
          <cell r="AU2050">
            <v>8</v>
          </cell>
        </row>
        <row r="2051">
          <cell r="C2051">
            <v>1.3835</v>
          </cell>
          <cell r="AT2051">
            <v>2003</v>
          </cell>
          <cell r="AU2051">
            <v>8</v>
          </cell>
        </row>
        <row r="2052">
          <cell r="C2052">
            <v>1.3852</v>
          </cell>
          <cell r="AT2052">
            <v>2003</v>
          </cell>
          <cell r="AU2052">
            <v>8</v>
          </cell>
        </row>
        <row r="2053">
          <cell r="C2053">
            <v>1.3836999999999999</v>
          </cell>
          <cell r="AT2053">
            <v>2003</v>
          </cell>
          <cell r="AU2053">
            <v>8</v>
          </cell>
        </row>
        <row r="2054">
          <cell r="C2054">
            <v>1.3872</v>
          </cell>
          <cell r="AT2054">
            <v>2003</v>
          </cell>
          <cell r="AU2054">
            <v>8</v>
          </cell>
        </row>
        <row r="2055">
          <cell r="C2055">
            <v>1.3872</v>
          </cell>
          <cell r="AT2055">
            <v>2003</v>
          </cell>
          <cell r="AU2055">
            <v>8</v>
          </cell>
        </row>
        <row r="2056">
          <cell r="C2056">
            <v>1.3872</v>
          </cell>
          <cell r="AT2056">
            <v>2003</v>
          </cell>
          <cell r="AU2056">
            <v>8</v>
          </cell>
        </row>
        <row r="2057">
          <cell r="C2057">
            <v>1.3909</v>
          </cell>
          <cell r="AT2057">
            <v>2003</v>
          </cell>
          <cell r="AU2057">
            <v>8</v>
          </cell>
        </row>
        <row r="2058">
          <cell r="C2058">
            <v>1.4009</v>
          </cell>
          <cell r="AT2058">
            <v>2003</v>
          </cell>
          <cell r="AU2058">
            <v>8</v>
          </cell>
        </row>
        <row r="2059">
          <cell r="C2059">
            <v>1.4024000000000001</v>
          </cell>
          <cell r="AT2059">
            <v>2003</v>
          </cell>
          <cell r="AU2059">
            <v>8</v>
          </cell>
        </row>
        <row r="2060">
          <cell r="C2060">
            <v>1.4074</v>
          </cell>
          <cell r="AT2060">
            <v>2003</v>
          </cell>
          <cell r="AU2060">
            <v>8</v>
          </cell>
        </row>
        <row r="2061">
          <cell r="C2061">
            <v>1.4098999999999999</v>
          </cell>
          <cell r="AT2061">
            <v>2003</v>
          </cell>
          <cell r="AU2061">
            <v>8</v>
          </cell>
        </row>
        <row r="2062">
          <cell r="C2062">
            <v>1.4098999999999999</v>
          </cell>
          <cell r="AT2062">
            <v>2003</v>
          </cell>
          <cell r="AU2062">
            <v>8</v>
          </cell>
        </row>
        <row r="2063">
          <cell r="C2063">
            <v>1.4098999999999999</v>
          </cell>
          <cell r="AT2063">
            <v>2003</v>
          </cell>
          <cell r="AU2063">
            <v>8</v>
          </cell>
        </row>
        <row r="2064">
          <cell r="C2064">
            <v>1.3978999999999999</v>
          </cell>
          <cell r="AT2064">
            <v>2003</v>
          </cell>
          <cell r="AU2064">
            <v>8</v>
          </cell>
        </row>
        <row r="2065">
          <cell r="C2065">
            <v>1.3932</v>
          </cell>
          <cell r="AT2065">
            <v>2003</v>
          </cell>
          <cell r="AU2065">
            <v>8</v>
          </cell>
        </row>
        <row r="2066">
          <cell r="C2066">
            <v>1.4020999999999999</v>
          </cell>
          <cell r="AT2066">
            <v>2003</v>
          </cell>
          <cell r="AU2066">
            <v>8</v>
          </cell>
        </row>
        <row r="2067">
          <cell r="C2067">
            <v>1.397</v>
          </cell>
          <cell r="AT2067">
            <v>2003</v>
          </cell>
          <cell r="AU2067">
            <v>8</v>
          </cell>
        </row>
        <row r="2068">
          <cell r="C2068">
            <v>1.3851</v>
          </cell>
          <cell r="AT2068">
            <v>2003</v>
          </cell>
          <cell r="AU2068">
            <v>8</v>
          </cell>
        </row>
        <row r="2069">
          <cell r="C2069">
            <v>1.3851</v>
          </cell>
          <cell r="AT2069">
            <v>2003</v>
          </cell>
          <cell r="AU2069">
            <v>8</v>
          </cell>
        </row>
        <row r="2070">
          <cell r="C2070">
            <v>1.3851</v>
          </cell>
          <cell r="AT2070">
            <v>2003</v>
          </cell>
          <cell r="AU2070">
            <v>9</v>
          </cell>
        </row>
        <row r="2071">
          <cell r="C2071">
            <v>1.3851</v>
          </cell>
          <cell r="AT2071">
            <v>2003</v>
          </cell>
          <cell r="AU2071">
            <v>9</v>
          </cell>
        </row>
        <row r="2072">
          <cell r="C2072">
            <v>1.3876999999999999</v>
          </cell>
          <cell r="AT2072">
            <v>2003</v>
          </cell>
          <cell r="AU2072">
            <v>9</v>
          </cell>
        </row>
        <row r="2073">
          <cell r="C2073">
            <v>1.3812</v>
          </cell>
          <cell r="AT2073">
            <v>2003</v>
          </cell>
          <cell r="AU2073">
            <v>9</v>
          </cell>
        </row>
        <row r="2074">
          <cell r="C2074">
            <v>1.3731</v>
          </cell>
          <cell r="AT2074">
            <v>2003</v>
          </cell>
          <cell r="AU2074">
            <v>9</v>
          </cell>
        </row>
        <row r="2075">
          <cell r="C2075">
            <v>1.3711</v>
          </cell>
          <cell r="AT2075">
            <v>2003</v>
          </cell>
          <cell r="AU2075">
            <v>9</v>
          </cell>
        </row>
        <row r="2076">
          <cell r="C2076">
            <v>1.3711</v>
          </cell>
          <cell r="AT2076">
            <v>2003</v>
          </cell>
          <cell r="AU2076">
            <v>9</v>
          </cell>
        </row>
        <row r="2077">
          <cell r="C2077">
            <v>1.3711</v>
          </cell>
          <cell r="AT2077">
            <v>2003</v>
          </cell>
          <cell r="AU2077">
            <v>9</v>
          </cell>
        </row>
        <row r="2078">
          <cell r="C2078">
            <v>1.3707</v>
          </cell>
          <cell r="AT2078">
            <v>2003</v>
          </cell>
          <cell r="AU2078">
            <v>9</v>
          </cell>
        </row>
        <row r="2079">
          <cell r="C2079">
            <v>1.3671</v>
          </cell>
          <cell r="AT2079">
            <v>2003</v>
          </cell>
          <cell r="AU2079">
            <v>9</v>
          </cell>
        </row>
        <row r="2080">
          <cell r="C2080">
            <v>1.3658999999999999</v>
          </cell>
          <cell r="AT2080">
            <v>2003</v>
          </cell>
          <cell r="AU2080">
            <v>9</v>
          </cell>
        </row>
        <row r="2081">
          <cell r="C2081">
            <v>1.371</v>
          </cell>
          <cell r="AT2081">
            <v>2003</v>
          </cell>
          <cell r="AU2081">
            <v>9</v>
          </cell>
        </row>
        <row r="2082">
          <cell r="C2082">
            <v>1.363</v>
          </cell>
          <cell r="AT2082">
            <v>2003</v>
          </cell>
          <cell r="AU2082">
            <v>9</v>
          </cell>
        </row>
        <row r="2083">
          <cell r="C2083">
            <v>1.363</v>
          </cell>
          <cell r="AT2083">
            <v>2003</v>
          </cell>
          <cell r="AU2083">
            <v>9</v>
          </cell>
        </row>
        <row r="2084">
          <cell r="C2084">
            <v>1.363</v>
          </cell>
          <cell r="AT2084">
            <v>2003</v>
          </cell>
          <cell r="AU2084">
            <v>9</v>
          </cell>
        </row>
        <row r="2085">
          <cell r="C2085">
            <v>1.3658999999999999</v>
          </cell>
          <cell r="AT2085">
            <v>2003</v>
          </cell>
          <cell r="AU2085">
            <v>9</v>
          </cell>
        </row>
        <row r="2086">
          <cell r="C2086">
            <v>1.369</v>
          </cell>
          <cell r="AT2086">
            <v>2003</v>
          </cell>
          <cell r="AU2086">
            <v>9</v>
          </cell>
        </row>
        <row r="2087">
          <cell r="C2087">
            <v>1.3661000000000001</v>
          </cell>
          <cell r="AT2087">
            <v>2003</v>
          </cell>
          <cell r="AU2087">
            <v>9</v>
          </cell>
        </row>
        <row r="2088">
          <cell r="C2088">
            <v>1.3641000000000001</v>
          </cell>
          <cell r="AT2088">
            <v>2003</v>
          </cell>
          <cell r="AU2088">
            <v>9</v>
          </cell>
        </row>
        <row r="2089">
          <cell r="C2089">
            <v>1.3472</v>
          </cell>
          <cell r="AT2089">
            <v>2003</v>
          </cell>
          <cell r="AU2089">
            <v>9</v>
          </cell>
        </row>
        <row r="2090">
          <cell r="C2090">
            <v>1.3472</v>
          </cell>
          <cell r="AT2090">
            <v>2003</v>
          </cell>
          <cell r="AU2090">
            <v>9</v>
          </cell>
        </row>
        <row r="2091">
          <cell r="C2091">
            <v>1.3472</v>
          </cell>
          <cell r="AT2091">
            <v>2003</v>
          </cell>
          <cell r="AU2091">
            <v>9</v>
          </cell>
        </row>
        <row r="2092">
          <cell r="C2092">
            <v>1.3471</v>
          </cell>
          <cell r="AT2092">
            <v>2003</v>
          </cell>
          <cell r="AU2092">
            <v>9</v>
          </cell>
        </row>
        <row r="2093">
          <cell r="C2093">
            <v>1.3564000000000001</v>
          </cell>
          <cell r="AT2093">
            <v>2003</v>
          </cell>
          <cell r="AU2093">
            <v>9</v>
          </cell>
        </row>
        <row r="2094">
          <cell r="C2094">
            <v>1.3543000000000001</v>
          </cell>
          <cell r="AT2094">
            <v>2003</v>
          </cell>
          <cell r="AU2094">
            <v>9</v>
          </cell>
        </row>
        <row r="2095">
          <cell r="C2095">
            <v>1.3472</v>
          </cell>
          <cell r="AT2095">
            <v>2003</v>
          </cell>
          <cell r="AU2095">
            <v>9</v>
          </cell>
        </row>
        <row r="2096">
          <cell r="C2096">
            <v>1.3546</v>
          </cell>
          <cell r="AT2096">
            <v>2003</v>
          </cell>
          <cell r="AU2096">
            <v>9</v>
          </cell>
        </row>
        <row r="2097">
          <cell r="C2097">
            <v>1.3546</v>
          </cell>
          <cell r="AT2097">
            <v>2003</v>
          </cell>
          <cell r="AU2097">
            <v>9</v>
          </cell>
        </row>
        <row r="2098">
          <cell r="C2098">
            <v>1.3546</v>
          </cell>
          <cell r="AT2098">
            <v>2003</v>
          </cell>
          <cell r="AU2098">
            <v>9</v>
          </cell>
        </row>
        <row r="2099">
          <cell r="C2099">
            <v>1.3546</v>
          </cell>
          <cell r="AT2099">
            <v>2003</v>
          </cell>
          <cell r="AU2099">
            <v>9</v>
          </cell>
        </row>
        <row r="2100">
          <cell r="C2100">
            <v>1.3504</v>
          </cell>
          <cell r="AT2100">
            <v>2003</v>
          </cell>
          <cell r="AU2100">
            <v>10</v>
          </cell>
        </row>
        <row r="2101">
          <cell r="C2101">
            <v>1.3480000000000001</v>
          </cell>
          <cell r="AT2101">
            <v>2003</v>
          </cell>
          <cell r="AU2101">
            <v>10</v>
          </cell>
        </row>
        <row r="2102">
          <cell r="C2102">
            <v>1.3382000000000001</v>
          </cell>
          <cell r="AT2102">
            <v>2003</v>
          </cell>
          <cell r="AU2102">
            <v>10</v>
          </cell>
        </row>
        <row r="2103">
          <cell r="C2103">
            <v>1.3418000000000001</v>
          </cell>
          <cell r="AT2103">
            <v>2003</v>
          </cell>
          <cell r="AU2103">
            <v>10</v>
          </cell>
        </row>
        <row r="2104">
          <cell r="C2104">
            <v>1.3418000000000001</v>
          </cell>
          <cell r="AT2104">
            <v>2003</v>
          </cell>
          <cell r="AU2104">
            <v>10</v>
          </cell>
        </row>
        <row r="2105">
          <cell r="C2105">
            <v>1.3418000000000001</v>
          </cell>
          <cell r="AT2105">
            <v>2003</v>
          </cell>
          <cell r="AU2105">
            <v>10</v>
          </cell>
        </row>
        <row r="2106">
          <cell r="C2106">
            <v>1.3411</v>
          </cell>
          <cell r="AT2106">
            <v>2003</v>
          </cell>
          <cell r="AU2106">
            <v>10</v>
          </cell>
        </row>
        <row r="2107">
          <cell r="C2107">
            <v>1.3293999999999999</v>
          </cell>
          <cell r="AT2107">
            <v>2003</v>
          </cell>
          <cell r="AU2107">
            <v>10</v>
          </cell>
        </row>
        <row r="2108">
          <cell r="C2108">
            <v>1.3335999999999999</v>
          </cell>
          <cell r="AT2108">
            <v>2003</v>
          </cell>
          <cell r="AU2108">
            <v>10</v>
          </cell>
        </row>
        <row r="2109">
          <cell r="C2109">
            <v>1.3399000000000001</v>
          </cell>
          <cell r="AT2109">
            <v>2003</v>
          </cell>
          <cell r="AU2109">
            <v>10</v>
          </cell>
        </row>
        <row r="2110">
          <cell r="C2110">
            <v>1.3205</v>
          </cell>
          <cell r="AT2110">
            <v>2003</v>
          </cell>
          <cell r="AU2110">
            <v>10</v>
          </cell>
        </row>
        <row r="2111">
          <cell r="C2111">
            <v>1.3205</v>
          </cell>
          <cell r="AT2111">
            <v>2003</v>
          </cell>
          <cell r="AU2111">
            <v>10</v>
          </cell>
        </row>
        <row r="2112">
          <cell r="C2112">
            <v>1.3205</v>
          </cell>
          <cell r="AT2112">
            <v>2003</v>
          </cell>
          <cell r="AU2112">
            <v>10</v>
          </cell>
        </row>
        <row r="2113">
          <cell r="C2113">
            <v>1.3205</v>
          </cell>
          <cell r="AT2113">
            <v>2003</v>
          </cell>
          <cell r="AU2113">
            <v>10</v>
          </cell>
        </row>
        <row r="2114">
          <cell r="C2114">
            <v>1.3232999999999999</v>
          </cell>
          <cell r="AT2114">
            <v>2003</v>
          </cell>
          <cell r="AU2114">
            <v>10</v>
          </cell>
        </row>
        <row r="2115">
          <cell r="C2115">
            <v>1.3242</v>
          </cell>
          <cell r="AT2115">
            <v>2003</v>
          </cell>
          <cell r="AU2115">
            <v>10</v>
          </cell>
        </row>
        <row r="2116">
          <cell r="C2116">
            <v>1.3131999999999999</v>
          </cell>
          <cell r="AT2116">
            <v>2003</v>
          </cell>
          <cell r="AU2116">
            <v>10</v>
          </cell>
        </row>
        <row r="2117">
          <cell r="C2117">
            <v>1.3131999999999999</v>
          </cell>
          <cell r="AT2117">
            <v>2003</v>
          </cell>
          <cell r="AU2117">
            <v>10</v>
          </cell>
        </row>
        <row r="2118">
          <cell r="C2118">
            <v>1.3131999999999999</v>
          </cell>
          <cell r="AT2118">
            <v>2003</v>
          </cell>
          <cell r="AU2118">
            <v>10</v>
          </cell>
        </row>
        <row r="2119">
          <cell r="C2119">
            <v>1.3131999999999999</v>
          </cell>
          <cell r="AT2119">
            <v>2003</v>
          </cell>
          <cell r="AU2119">
            <v>10</v>
          </cell>
        </row>
        <row r="2120">
          <cell r="C2120">
            <v>1.3197000000000001</v>
          </cell>
          <cell r="AT2120">
            <v>2003</v>
          </cell>
          <cell r="AU2120">
            <v>10</v>
          </cell>
        </row>
        <row r="2121">
          <cell r="C2121">
            <v>1.3156000000000001</v>
          </cell>
          <cell r="AT2121">
            <v>2003</v>
          </cell>
          <cell r="AU2121">
            <v>10</v>
          </cell>
        </row>
        <row r="2122">
          <cell r="C2122">
            <v>1.3038000000000001</v>
          </cell>
          <cell r="AT2122">
            <v>2003</v>
          </cell>
          <cell r="AU2122">
            <v>10</v>
          </cell>
        </row>
        <row r="2123">
          <cell r="C2123">
            <v>1.3086</v>
          </cell>
          <cell r="AT2123">
            <v>2003</v>
          </cell>
          <cell r="AU2123">
            <v>10</v>
          </cell>
        </row>
        <row r="2124">
          <cell r="C2124">
            <v>1.3069</v>
          </cell>
          <cell r="AT2124">
            <v>2003</v>
          </cell>
          <cell r="AU2124">
            <v>10</v>
          </cell>
        </row>
        <row r="2125">
          <cell r="C2125">
            <v>1.3069</v>
          </cell>
          <cell r="AT2125">
            <v>2003</v>
          </cell>
          <cell r="AU2125">
            <v>10</v>
          </cell>
        </row>
        <row r="2126">
          <cell r="C2126">
            <v>1.3069</v>
          </cell>
          <cell r="AT2126">
            <v>2003</v>
          </cell>
          <cell r="AU2126">
            <v>10</v>
          </cell>
        </row>
        <row r="2127">
          <cell r="C2127">
            <v>1.3102</v>
          </cell>
          <cell r="AT2127">
            <v>2003</v>
          </cell>
          <cell r="AU2127">
            <v>10</v>
          </cell>
        </row>
        <row r="2128">
          <cell r="C2128">
            <v>1.3107</v>
          </cell>
          <cell r="AT2128">
            <v>2003</v>
          </cell>
          <cell r="AU2128">
            <v>10</v>
          </cell>
        </row>
        <row r="2129">
          <cell r="C2129">
            <v>1.3097000000000001</v>
          </cell>
          <cell r="AT2129">
            <v>2003</v>
          </cell>
          <cell r="AU2129">
            <v>10</v>
          </cell>
        </row>
        <row r="2130">
          <cell r="C2130">
            <v>1.3071999999999999</v>
          </cell>
          <cell r="AT2130">
            <v>2003</v>
          </cell>
          <cell r="AU2130">
            <v>10</v>
          </cell>
        </row>
        <row r="2131">
          <cell r="C2131">
            <v>1.3197000000000001</v>
          </cell>
          <cell r="AT2131">
            <v>2003</v>
          </cell>
          <cell r="AU2131">
            <v>11</v>
          </cell>
        </row>
        <row r="2132">
          <cell r="C2132">
            <v>1.3197000000000001</v>
          </cell>
          <cell r="AT2132">
            <v>2003</v>
          </cell>
          <cell r="AU2132">
            <v>11</v>
          </cell>
        </row>
        <row r="2133">
          <cell r="C2133">
            <v>1.3197000000000001</v>
          </cell>
          <cell r="AT2133">
            <v>2003</v>
          </cell>
          <cell r="AU2133">
            <v>11</v>
          </cell>
        </row>
        <row r="2134">
          <cell r="C2134">
            <v>1.3323</v>
          </cell>
          <cell r="AT2134">
            <v>2003</v>
          </cell>
          <cell r="AU2134">
            <v>11</v>
          </cell>
        </row>
        <row r="2135">
          <cell r="C2135">
            <v>1.3320000000000001</v>
          </cell>
          <cell r="AT2135">
            <v>2003</v>
          </cell>
          <cell r="AU2135">
            <v>11</v>
          </cell>
        </row>
        <row r="2136">
          <cell r="C2136">
            <v>1.3312999999999999</v>
          </cell>
          <cell r="AT2136">
            <v>2003</v>
          </cell>
          <cell r="AU2136">
            <v>11</v>
          </cell>
        </row>
        <row r="2137">
          <cell r="C2137">
            <v>1.3359000000000001</v>
          </cell>
          <cell r="AT2137">
            <v>2003</v>
          </cell>
          <cell r="AU2137">
            <v>11</v>
          </cell>
        </row>
        <row r="2138">
          <cell r="C2138">
            <v>1.3237000000000001</v>
          </cell>
          <cell r="AT2138">
            <v>2003</v>
          </cell>
          <cell r="AU2138">
            <v>11</v>
          </cell>
        </row>
        <row r="2139">
          <cell r="C2139">
            <v>1.3237000000000001</v>
          </cell>
          <cell r="AT2139">
            <v>2003</v>
          </cell>
          <cell r="AU2139">
            <v>11</v>
          </cell>
        </row>
        <row r="2140">
          <cell r="C2140">
            <v>1.3237000000000001</v>
          </cell>
          <cell r="AT2140">
            <v>2003</v>
          </cell>
          <cell r="AU2140">
            <v>11</v>
          </cell>
        </row>
        <row r="2141">
          <cell r="C2141">
            <v>1.3106</v>
          </cell>
          <cell r="AT2141">
            <v>2003</v>
          </cell>
          <cell r="AU2141">
            <v>11</v>
          </cell>
        </row>
        <row r="2142">
          <cell r="C2142">
            <v>1.3106</v>
          </cell>
          <cell r="AT2142">
            <v>2003</v>
          </cell>
          <cell r="AU2142">
            <v>11</v>
          </cell>
        </row>
        <row r="2143">
          <cell r="C2143">
            <v>1.3004</v>
          </cell>
          <cell r="AT2143">
            <v>2003</v>
          </cell>
          <cell r="AU2143">
            <v>11</v>
          </cell>
        </row>
        <row r="2144">
          <cell r="C2144">
            <v>1.2996000000000001</v>
          </cell>
          <cell r="AT2144">
            <v>2003</v>
          </cell>
          <cell r="AU2144">
            <v>11</v>
          </cell>
        </row>
        <row r="2145">
          <cell r="C2145">
            <v>1.3038000000000001</v>
          </cell>
          <cell r="AT2145">
            <v>2003</v>
          </cell>
          <cell r="AU2145">
            <v>11</v>
          </cell>
        </row>
        <row r="2146">
          <cell r="C2146">
            <v>1.3038000000000001</v>
          </cell>
          <cell r="AT2146">
            <v>2003</v>
          </cell>
          <cell r="AU2146">
            <v>11</v>
          </cell>
        </row>
        <row r="2147">
          <cell r="C2147">
            <v>1.3038000000000001</v>
          </cell>
          <cell r="AT2147">
            <v>2003</v>
          </cell>
          <cell r="AU2147">
            <v>11</v>
          </cell>
        </row>
        <row r="2148">
          <cell r="C2148">
            <v>1.3137000000000001</v>
          </cell>
          <cell r="AT2148">
            <v>2003</v>
          </cell>
          <cell r="AU2148">
            <v>11</v>
          </cell>
        </row>
        <row r="2149">
          <cell r="C2149">
            <v>1.3024</v>
          </cell>
          <cell r="AT2149">
            <v>2003</v>
          </cell>
          <cell r="AU2149">
            <v>11</v>
          </cell>
        </row>
        <row r="2150">
          <cell r="C2150">
            <v>1.3035000000000001</v>
          </cell>
          <cell r="AT2150">
            <v>2003</v>
          </cell>
          <cell r="AU2150">
            <v>11</v>
          </cell>
        </row>
        <row r="2151">
          <cell r="C2151">
            <v>1.3023</v>
          </cell>
          <cell r="AT2151">
            <v>2003</v>
          </cell>
          <cell r="AU2151">
            <v>11</v>
          </cell>
        </row>
        <row r="2152">
          <cell r="C2152">
            <v>1.3039000000000001</v>
          </cell>
          <cell r="AT2152">
            <v>2003</v>
          </cell>
          <cell r="AU2152">
            <v>11</v>
          </cell>
        </row>
        <row r="2153">
          <cell r="C2153">
            <v>1.3039000000000001</v>
          </cell>
          <cell r="AT2153">
            <v>2003</v>
          </cell>
          <cell r="AU2153">
            <v>11</v>
          </cell>
        </row>
        <row r="2154">
          <cell r="C2154">
            <v>1.3039000000000001</v>
          </cell>
          <cell r="AT2154">
            <v>2003</v>
          </cell>
          <cell r="AU2154">
            <v>11</v>
          </cell>
        </row>
        <row r="2155">
          <cell r="C2155">
            <v>1.3206</v>
          </cell>
          <cell r="AT2155">
            <v>2003</v>
          </cell>
          <cell r="AU2155">
            <v>11</v>
          </cell>
        </row>
        <row r="2156">
          <cell r="C2156">
            <v>1.3130999999999999</v>
          </cell>
          <cell r="AT2156">
            <v>2003</v>
          </cell>
          <cell r="AU2156">
            <v>11</v>
          </cell>
        </row>
        <row r="2157">
          <cell r="C2157">
            <v>1.3043</v>
          </cell>
          <cell r="AT2157">
            <v>2003</v>
          </cell>
          <cell r="AU2157">
            <v>11</v>
          </cell>
        </row>
        <row r="2158">
          <cell r="C2158">
            <v>1.3043</v>
          </cell>
          <cell r="AT2158">
            <v>2003</v>
          </cell>
          <cell r="AU2158">
            <v>11</v>
          </cell>
        </row>
        <row r="2159">
          <cell r="C2159">
            <v>1.3043</v>
          </cell>
          <cell r="AT2159">
            <v>2003</v>
          </cell>
          <cell r="AU2159">
            <v>11</v>
          </cell>
        </row>
        <row r="2160">
          <cell r="C2160">
            <v>1.3043</v>
          </cell>
          <cell r="AT2160">
            <v>2003</v>
          </cell>
          <cell r="AU2160">
            <v>11</v>
          </cell>
        </row>
        <row r="2161">
          <cell r="C2161">
            <v>1.3043</v>
          </cell>
          <cell r="AT2161">
            <v>2003</v>
          </cell>
          <cell r="AU2161">
            <v>12</v>
          </cell>
        </row>
        <row r="2162">
          <cell r="C2162">
            <v>1.3023</v>
          </cell>
          <cell r="AT2162">
            <v>2003</v>
          </cell>
          <cell r="AU2162">
            <v>12</v>
          </cell>
        </row>
        <row r="2163">
          <cell r="C2163">
            <v>1.2982</v>
          </cell>
          <cell r="AT2163">
            <v>2003</v>
          </cell>
          <cell r="AU2163">
            <v>12</v>
          </cell>
        </row>
        <row r="2164">
          <cell r="C2164">
            <v>1.2996000000000001</v>
          </cell>
          <cell r="AT2164">
            <v>2003</v>
          </cell>
          <cell r="AU2164">
            <v>12</v>
          </cell>
        </row>
        <row r="2165">
          <cell r="C2165">
            <v>1.3122</v>
          </cell>
          <cell r="AT2165">
            <v>2003</v>
          </cell>
          <cell r="AU2165">
            <v>12</v>
          </cell>
        </row>
        <row r="2166">
          <cell r="C2166">
            <v>1.3045</v>
          </cell>
          <cell r="AT2166">
            <v>2003</v>
          </cell>
          <cell r="AU2166">
            <v>12</v>
          </cell>
        </row>
        <row r="2167">
          <cell r="C2167">
            <v>1.3045</v>
          </cell>
          <cell r="AT2167">
            <v>2003</v>
          </cell>
          <cell r="AU2167">
            <v>12</v>
          </cell>
        </row>
        <row r="2168">
          <cell r="C2168">
            <v>1.3045</v>
          </cell>
          <cell r="AT2168">
            <v>2003</v>
          </cell>
          <cell r="AU2168">
            <v>12</v>
          </cell>
        </row>
        <row r="2169">
          <cell r="C2169">
            <v>1.2963</v>
          </cell>
          <cell r="AT2169">
            <v>2003</v>
          </cell>
          <cell r="AU2169">
            <v>12</v>
          </cell>
        </row>
        <row r="2170">
          <cell r="C2170">
            <v>1.3091999999999999</v>
          </cell>
          <cell r="AT2170">
            <v>2003</v>
          </cell>
          <cell r="AU2170">
            <v>12</v>
          </cell>
        </row>
        <row r="2171">
          <cell r="C2171">
            <v>1.3079000000000001</v>
          </cell>
          <cell r="AT2171">
            <v>2003</v>
          </cell>
          <cell r="AU2171">
            <v>12</v>
          </cell>
        </row>
        <row r="2172">
          <cell r="C2172">
            <v>1.3263</v>
          </cell>
          <cell r="AT2172">
            <v>2003</v>
          </cell>
          <cell r="AU2172">
            <v>12</v>
          </cell>
        </row>
        <row r="2173">
          <cell r="C2173">
            <v>1.3149999999999999</v>
          </cell>
          <cell r="AT2173">
            <v>2003</v>
          </cell>
          <cell r="AU2173">
            <v>12</v>
          </cell>
        </row>
        <row r="2174">
          <cell r="C2174">
            <v>1.3149999999999999</v>
          </cell>
          <cell r="AT2174">
            <v>2003</v>
          </cell>
          <cell r="AU2174">
            <v>12</v>
          </cell>
        </row>
        <row r="2175">
          <cell r="C2175">
            <v>1.3149999999999999</v>
          </cell>
          <cell r="AT2175">
            <v>2003</v>
          </cell>
          <cell r="AU2175">
            <v>12</v>
          </cell>
        </row>
        <row r="2176">
          <cell r="C2176">
            <v>1.3133999999999999</v>
          </cell>
          <cell r="AT2176">
            <v>2003</v>
          </cell>
          <cell r="AU2176">
            <v>12</v>
          </cell>
        </row>
        <row r="2177">
          <cell r="C2177">
            <v>1.3183</v>
          </cell>
          <cell r="AT2177">
            <v>2003</v>
          </cell>
          <cell r="AU2177">
            <v>12</v>
          </cell>
        </row>
        <row r="2178">
          <cell r="C2178">
            <v>1.3250999999999999</v>
          </cell>
          <cell r="AT2178">
            <v>2003</v>
          </cell>
          <cell r="AU2178">
            <v>12</v>
          </cell>
        </row>
        <row r="2179">
          <cell r="C2179">
            <v>1.3291999999999999</v>
          </cell>
          <cell r="AT2179">
            <v>2003</v>
          </cell>
          <cell r="AU2179">
            <v>12</v>
          </cell>
        </row>
        <row r="2180">
          <cell r="C2180">
            <v>1.3396999999999999</v>
          </cell>
          <cell r="AT2180">
            <v>2003</v>
          </cell>
          <cell r="AU2180">
            <v>12</v>
          </cell>
        </row>
        <row r="2181">
          <cell r="C2181">
            <v>1.3396999999999999</v>
          </cell>
          <cell r="AT2181">
            <v>2003</v>
          </cell>
          <cell r="AU2181">
            <v>12</v>
          </cell>
        </row>
        <row r="2182">
          <cell r="C2182">
            <v>1.3396999999999999</v>
          </cell>
          <cell r="AT2182">
            <v>2003</v>
          </cell>
          <cell r="AU2182">
            <v>12</v>
          </cell>
        </row>
        <row r="2183">
          <cell r="C2183">
            <v>1.3314999999999999</v>
          </cell>
          <cell r="AT2183">
            <v>2003</v>
          </cell>
          <cell r="AU2183">
            <v>12</v>
          </cell>
        </row>
        <row r="2184">
          <cell r="C2184">
            <v>1.3240000000000001</v>
          </cell>
          <cell r="AT2184">
            <v>2003</v>
          </cell>
          <cell r="AU2184">
            <v>12</v>
          </cell>
        </row>
        <row r="2185">
          <cell r="C2185">
            <v>1.3107</v>
          </cell>
          <cell r="AT2185">
            <v>2003</v>
          </cell>
          <cell r="AU2185">
            <v>12</v>
          </cell>
        </row>
        <row r="2186">
          <cell r="C2186">
            <v>1.3107</v>
          </cell>
          <cell r="AT2186">
            <v>2003</v>
          </cell>
          <cell r="AU2186">
            <v>12</v>
          </cell>
        </row>
        <row r="2187">
          <cell r="C2187">
            <v>1.3107</v>
          </cell>
          <cell r="AT2187">
            <v>2003</v>
          </cell>
          <cell r="AU2187">
            <v>12</v>
          </cell>
        </row>
        <row r="2188">
          <cell r="C2188">
            <v>1.3107</v>
          </cell>
          <cell r="AT2188">
            <v>2003</v>
          </cell>
          <cell r="AU2188">
            <v>12</v>
          </cell>
        </row>
        <row r="2189">
          <cell r="C2189">
            <v>1.3104</v>
          </cell>
          <cell r="AT2189">
            <v>2003</v>
          </cell>
          <cell r="AU2189">
            <v>12</v>
          </cell>
        </row>
        <row r="2190">
          <cell r="C2190">
            <v>1.3032999999999999</v>
          </cell>
          <cell r="AT2190">
            <v>2003</v>
          </cell>
          <cell r="AU2190">
            <v>12</v>
          </cell>
        </row>
        <row r="2191">
          <cell r="C2191">
            <v>1.2924</v>
          </cell>
          <cell r="AT2191">
            <v>2003</v>
          </cell>
          <cell r="AU2191">
            <v>12</v>
          </cell>
        </row>
        <row r="2192">
          <cell r="C2192">
            <v>1.29</v>
          </cell>
          <cell r="AT2192">
            <v>2004</v>
          </cell>
          <cell r="AU2192">
            <v>1</v>
          </cell>
        </row>
        <row r="2193">
          <cell r="C2193">
            <v>1.29</v>
          </cell>
          <cell r="AT2193">
            <v>2004</v>
          </cell>
          <cell r="AU2193">
            <v>1</v>
          </cell>
        </row>
        <row r="2194">
          <cell r="C2194">
            <v>1.29</v>
          </cell>
          <cell r="AT2194">
            <v>2004</v>
          </cell>
          <cell r="AU2194">
            <v>1</v>
          </cell>
        </row>
        <row r="2195">
          <cell r="C2195">
            <v>1.29</v>
          </cell>
          <cell r="AT2195">
            <v>2004</v>
          </cell>
          <cell r="AU2195">
            <v>1</v>
          </cell>
        </row>
        <row r="2196">
          <cell r="C2196">
            <v>1.2803</v>
          </cell>
          <cell r="AT2196">
            <v>2004</v>
          </cell>
          <cell r="AU2196">
            <v>1</v>
          </cell>
        </row>
        <row r="2197">
          <cell r="C2197">
            <v>1.2803</v>
          </cell>
          <cell r="AT2197">
            <v>2004</v>
          </cell>
          <cell r="AU2197">
            <v>1</v>
          </cell>
        </row>
        <row r="2198">
          <cell r="C2198">
            <v>1.2819</v>
          </cell>
          <cell r="AT2198">
            <v>2004</v>
          </cell>
          <cell r="AU2198">
            <v>1</v>
          </cell>
        </row>
        <row r="2199">
          <cell r="C2199">
            <v>1.2882</v>
          </cell>
          <cell r="AT2199">
            <v>2004</v>
          </cell>
          <cell r="AU2199">
            <v>1</v>
          </cell>
        </row>
        <row r="2200">
          <cell r="C2200">
            <v>1.2787999999999999</v>
          </cell>
          <cell r="AT2200">
            <v>2004</v>
          </cell>
          <cell r="AU2200">
            <v>1</v>
          </cell>
        </row>
        <row r="2201">
          <cell r="C2201">
            <v>1.2692000000000001</v>
          </cell>
          <cell r="AT2201">
            <v>2004</v>
          </cell>
          <cell r="AU2201">
            <v>1</v>
          </cell>
        </row>
        <row r="2202">
          <cell r="C2202">
            <v>1.2692000000000001</v>
          </cell>
          <cell r="AT2202">
            <v>2004</v>
          </cell>
          <cell r="AU2202">
            <v>1</v>
          </cell>
        </row>
        <row r="2203">
          <cell r="C2203">
            <v>1.2692000000000001</v>
          </cell>
          <cell r="AT2203">
            <v>2004</v>
          </cell>
          <cell r="AU2203">
            <v>1</v>
          </cell>
        </row>
        <row r="2204">
          <cell r="C2204">
            <v>1.2736000000000001</v>
          </cell>
          <cell r="AT2204">
            <v>2004</v>
          </cell>
          <cell r="AU2204">
            <v>1</v>
          </cell>
        </row>
        <row r="2205">
          <cell r="C2205">
            <v>1.2728999999999999</v>
          </cell>
          <cell r="AT2205">
            <v>2004</v>
          </cell>
          <cell r="AU2205">
            <v>1</v>
          </cell>
        </row>
        <row r="2206">
          <cell r="C2206">
            <v>1.2868999999999999</v>
          </cell>
          <cell r="AT2206">
            <v>2004</v>
          </cell>
          <cell r="AU2206">
            <v>1</v>
          </cell>
        </row>
        <row r="2207">
          <cell r="C2207">
            <v>1.2979000000000001</v>
          </cell>
          <cell r="AT2207">
            <v>2004</v>
          </cell>
          <cell r="AU2207">
            <v>1</v>
          </cell>
        </row>
        <row r="2208">
          <cell r="C2208">
            <v>1.2978000000000001</v>
          </cell>
          <cell r="AT2208">
            <v>2004</v>
          </cell>
          <cell r="AU2208">
            <v>1</v>
          </cell>
        </row>
        <row r="2209">
          <cell r="C2209">
            <v>1.2978000000000001</v>
          </cell>
          <cell r="AT2209">
            <v>2004</v>
          </cell>
          <cell r="AU2209">
            <v>1</v>
          </cell>
        </row>
        <row r="2210">
          <cell r="C2210">
            <v>1.2978000000000001</v>
          </cell>
          <cell r="AT2210">
            <v>2004</v>
          </cell>
          <cell r="AU2210">
            <v>1</v>
          </cell>
        </row>
        <row r="2211">
          <cell r="C2211">
            <v>1.2978000000000001</v>
          </cell>
          <cell r="AT2211">
            <v>2004</v>
          </cell>
          <cell r="AU2211">
            <v>1</v>
          </cell>
        </row>
        <row r="2212">
          <cell r="C2212">
            <v>1.2862</v>
          </cell>
          <cell r="AT2212">
            <v>2004</v>
          </cell>
          <cell r="AU2212">
            <v>1</v>
          </cell>
        </row>
        <row r="2213">
          <cell r="C2213">
            <v>1.3008999999999999</v>
          </cell>
          <cell r="AT2213">
            <v>2004</v>
          </cell>
          <cell r="AU2213">
            <v>1</v>
          </cell>
        </row>
        <row r="2214">
          <cell r="C2214">
            <v>1.2967</v>
          </cell>
          <cell r="AT2214">
            <v>2004</v>
          </cell>
          <cell r="AU2214">
            <v>1</v>
          </cell>
        </row>
        <row r="2215">
          <cell r="C2215">
            <v>1.3119000000000001</v>
          </cell>
          <cell r="AT2215">
            <v>2004</v>
          </cell>
          <cell r="AU2215">
            <v>1</v>
          </cell>
        </row>
        <row r="2216">
          <cell r="C2216">
            <v>1.3119000000000001</v>
          </cell>
          <cell r="AT2216">
            <v>2004</v>
          </cell>
          <cell r="AU2216">
            <v>1</v>
          </cell>
        </row>
        <row r="2217">
          <cell r="C2217">
            <v>1.3119000000000001</v>
          </cell>
          <cell r="AT2217">
            <v>2004</v>
          </cell>
          <cell r="AU2217">
            <v>1</v>
          </cell>
        </row>
        <row r="2218">
          <cell r="C2218">
            <v>1.3136000000000001</v>
          </cell>
          <cell r="AT2218">
            <v>2004</v>
          </cell>
          <cell r="AU2218">
            <v>1</v>
          </cell>
        </row>
        <row r="2219">
          <cell r="C2219">
            <v>1.3048999999999999</v>
          </cell>
          <cell r="AT2219">
            <v>2004</v>
          </cell>
          <cell r="AU2219">
            <v>1</v>
          </cell>
        </row>
        <row r="2220">
          <cell r="C2220">
            <v>1.3217000000000001</v>
          </cell>
          <cell r="AT2220">
            <v>2004</v>
          </cell>
          <cell r="AU2220">
            <v>1</v>
          </cell>
        </row>
        <row r="2221">
          <cell r="C2221">
            <v>1.3339000000000001</v>
          </cell>
          <cell r="AT2221">
            <v>2004</v>
          </cell>
          <cell r="AU2221">
            <v>1</v>
          </cell>
        </row>
        <row r="2222">
          <cell r="C2222">
            <v>1.3264</v>
          </cell>
          <cell r="AT2222">
            <v>2004</v>
          </cell>
          <cell r="AU2222">
            <v>1</v>
          </cell>
        </row>
        <row r="2223">
          <cell r="C2223">
            <v>1.3264</v>
          </cell>
          <cell r="AT2223">
            <v>2004</v>
          </cell>
          <cell r="AU2223">
            <v>2</v>
          </cell>
        </row>
        <row r="2224">
          <cell r="C2224">
            <v>1.3264</v>
          </cell>
          <cell r="AT2224">
            <v>2004</v>
          </cell>
          <cell r="AU2224">
            <v>2</v>
          </cell>
        </row>
        <row r="2225">
          <cell r="C2225">
            <v>1.3384</v>
          </cell>
          <cell r="AT2225">
            <v>2004</v>
          </cell>
          <cell r="AU2225">
            <v>2</v>
          </cell>
        </row>
        <row r="2226">
          <cell r="C2226">
            <v>1.3373999999999999</v>
          </cell>
          <cell r="AT2226">
            <v>2004</v>
          </cell>
          <cell r="AU2226">
            <v>2</v>
          </cell>
        </row>
        <row r="2227">
          <cell r="C2227">
            <v>1.3327</v>
          </cell>
          <cell r="AT2227">
            <v>2004</v>
          </cell>
          <cell r="AU2227">
            <v>2</v>
          </cell>
        </row>
        <row r="2228">
          <cell r="C2228">
            <v>1.3319000000000001</v>
          </cell>
          <cell r="AT2228">
            <v>2004</v>
          </cell>
          <cell r="AU2228">
            <v>2</v>
          </cell>
        </row>
        <row r="2229">
          <cell r="C2229">
            <v>1.3290999999999999</v>
          </cell>
          <cell r="AT2229">
            <v>2004</v>
          </cell>
          <cell r="AU2229">
            <v>2</v>
          </cell>
        </row>
        <row r="2230">
          <cell r="C2230">
            <v>1.3290999999999999</v>
          </cell>
          <cell r="AT2230">
            <v>2004</v>
          </cell>
          <cell r="AU2230">
            <v>2</v>
          </cell>
        </row>
        <row r="2231">
          <cell r="C2231">
            <v>1.3290999999999999</v>
          </cell>
          <cell r="AT2231">
            <v>2004</v>
          </cell>
          <cell r="AU2231">
            <v>2</v>
          </cell>
        </row>
        <row r="2232">
          <cell r="C2232">
            <v>1.3304</v>
          </cell>
          <cell r="AT2232">
            <v>2004</v>
          </cell>
          <cell r="AU2232">
            <v>2</v>
          </cell>
        </row>
        <row r="2233">
          <cell r="C2233">
            <v>1.3289</v>
          </cell>
          <cell r="AT2233">
            <v>2004</v>
          </cell>
          <cell r="AU2233">
            <v>2</v>
          </cell>
        </row>
        <row r="2234">
          <cell r="C2234">
            <v>1.3179000000000001</v>
          </cell>
          <cell r="AT2234">
            <v>2004</v>
          </cell>
          <cell r="AU2234">
            <v>2</v>
          </cell>
        </row>
        <row r="2235">
          <cell r="C2235">
            <v>1.3190999999999999</v>
          </cell>
          <cell r="AT2235">
            <v>2004</v>
          </cell>
          <cell r="AU2235">
            <v>2</v>
          </cell>
        </row>
        <row r="2236">
          <cell r="C2236">
            <v>1.3149999999999999</v>
          </cell>
          <cell r="AT2236">
            <v>2004</v>
          </cell>
          <cell r="AU2236">
            <v>2</v>
          </cell>
        </row>
        <row r="2237">
          <cell r="C2237">
            <v>1.3149999999999999</v>
          </cell>
          <cell r="AT2237">
            <v>2004</v>
          </cell>
          <cell r="AU2237">
            <v>2</v>
          </cell>
        </row>
        <row r="2238">
          <cell r="C2238">
            <v>1.3149999999999999</v>
          </cell>
          <cell r="AT2238">
            <v>2004</v>
          </cell>
          <cell r="AU2238">
            <v>2</v>
          </cell>
        </row>
        <row r="2239">
          <cell r="C2239">
            <v>1.3149999999999999</v>
          </cell>
          <cell r="AT2239">
            <v>2004</v>
          </cell>
          <cell r="AU2239">
            <v>2</v>
          </cell>
        </row>
        <row r="2240">
          <cell r="C2240">
            <v>1.3102</v>
          </cell>
          <cell r="AT2240">
            <v>2004</v>
          </cell>
          <cell r="AU2240">
            <v>2</v>
          </cell>
        </row>
        <row r="2241">
          <cell r="C2241">
            <v>1.3180000000000001</v>
          </cell>
          <cell r="AT2241">
            <v>2004</v>
          </cell>
          <cell r="AU2241">
            <v>2</v>
          </cell>
        </row>
        <row r="2242">
          <cell r="C2242">
            <v>1.3274999999999999</v>
          </cell>
          <cell r="AT2242">
            <v>2004</v>
          </cell>
          <cell r="AU2242">
            <v>2</v>
          </cell>
        </row>
        <row r="2243">
          <cell r="C2243">
            <v>1.3440000000000001</v>
          </cell>
          <cell r="AT2243">
            <v>2004</v>
          </cell>
          <cell r="AU2243">
            <v>2</v>
          </cell>
        </row>
        <row r="2244">
          <cell r="C2244">
            <v>1.3440000000000001</v>
          </cell>
          <cell r="AT2244">
            <v>2004</v>
          </cell>
          <cell r="AU2244">
            <v>2</v>
          </cell>
        </row>
        <row r="2245">
          <cell r="C2245">
            <v>1.3440000000000001</v>
          </cell>
          <cell r="AT2245">
            <v>2004</v>
          </cell>
          <cell r="AU2245">
            <v>2</v>
          </cell>
        </row>
        <row r="2246">
          <cell r="C2246">
            <v>1.3357000000000001</v>
          </cell>
          <cell r="AT2246">
            <v>2004</v>
          </cell>
          <cell r="AU2246">
            <v>2</v>
          </cell>
        </row>
        <row r="2247">
          <cell r="C2247">
            <v>1.3280000000000001</v>
          </cell>
          <cell r="AT2247">
            <v>2004</v>
          </cell>
          <cell r="AU2247">
            <v>2</v>
          </cell>
        </row>
        <row r="2248">
          <cell r="C2248">
            <v>1.337</v>
          </cell>
          <cell r="AT2248">
            <v>2004</v>
          </cell>
          <cell r="AU2248">
            <v>2</v>
          </cell>
        </row>
        <row r="2249">
          <cell r="C2249">
            <v>1.3431999999999999</v>
          </cell>
          <cell r="AT2249">
            <v>2004</v>
          </cell>
          <cell r="AU2249">
            <v>2</v>
          </cell>
        </row>
        <row r="2250">
          <cell r="C2250">
            <v>1.3401000000000001</v>
          </cell>
          <cell r="AT2250">
            <v>2004</v>
          </cell>
          <cell r="AU2250">
            <v>2</v>
          </cell>
        </row>
        <row r="2251">
          <cell r="C2251">
            <v>1.3401000000000001</v>
          </cell>
          <cell r="AT2251">
            <v>2004</v>
          </cell>
          <cell r="AU2251">
            <v>2</v>
          </cell>
        </row>
        <row r="2252">
          <cell r="C2252">
            <v>1.3401000000000001</v>
          </cell>
          <cell r="AT2252">
            <v>2004</v>
          </cell>
          <cell r="AU2252">
            <v>3</v>
          </cell>
        </row>
        <row r="2253">
          <cell r="C2253">
            <v>1.3391</v>
          </cell>
          <cell r="AT2253">
            <v>2004</v>
          </cell>
          <cell r="AU2253">
            <v>3</v>
          </cell>
        </row>
        <row r="2254">
          <cell r="C2254">
            <v>1.3431</v>
          </cell>
          <cell r="AT2254">
            <v>2004</v>
          </cell>
          <cell r="AU2254">
            <v>3</v>
          </cell>
        </row>
        <row r="2255">
          <cell r="C2255">
            <v>1.3475999999999999</v>
          </cell>
          <cell r="AT2255">
            <v>2004</v>
          </cell>
          <cell r="AU2255">
            <v>3</v>
          </cell>
        </row>
        <row r="2256">
          <cell r="C2256">
            <v>1.3324</v>
          </cell>
          <cell r="AT2256">
            <v>2004</v>
          </cell>
          <cell r="AU2256">
            <v>3</v>
          </cell>
        </row>
        <row r="2257">
          <cell r="C2257">
            <v>1.3186</v>
          </cell>
          <cell r="AT2257">
            <v>2004</v>
          </cell>
          <cell r="AU2257">
            <v>3</v>
          </cell>
        </row>
        <row r="2258">
          <cell r="C2258">
            <v>1.3186</v>
          </cell>
          <cell r="AT2258">
            <v>2004</v>
          </cell>
          <cell r="AU2258">
            <v>3</v>
          </cell>
        </row>
        <row r="2259">
          <cell r="C2259">
            <v>1.3186</v>
          </cell>
          <cell r="AT2259">
            <v>2004</v>
          </cell>
          <cell r="AU2259">
            <v>3</v>
          </cell>
        </row>
        <row r="2260">
          <cell r="C2260">
            <v>1.3229</v>
          </cell>
          <cell r="AT2260">
            <v>2004</v>
          </cell>
          <cell r="AU2260">
            <v>3</v>
          </cell>
        </row>
        <row r="2261">
          <cell r="C2261">
            <v>1.319</v>
          </cell>
          <cell r="AT2261">
            <v>2004</v>
          </cell>
          <cell r="AU2261">
            <v>3</v>
          </cell>
        </row>
        <row r="2262">
          <cell r="C2262">
            <v>1.327</v>
          </cell>
          <cell r="AT2262">
            <v>2004</v>
          </cell>
          <cell r="AU2262">
            <v>3</v>
          </cell>
        </row>
        <row r="2263">
          <cell r="C2263">
            <v>1.3227</v>
          </cell>
          <cell r="AT2263">
            <v>2004</v>
          </cell>
          <cell r="AU2263">
            <v>3</v>
          </cell>
        </row>
        <row r="2264">
          <cell r="C2264">
            <v>1.3374999999999999</v>
          </cell>
          <cell r="AT2264">
            <v>2004</v>
          </cell>
          <cell r="AU2264">
            <v>3</v>
          </cell>
        </row>
        <row r="2265">
          <cell r="C2265">
            <v>1.3374999999999999</v>
          </cell>
          <cell r="AT2265">
            <v>2004</v>
          </cell>
          <cell r="AU2265">
            <v>3</v>
          </cell>
        </row>
        <row r="2266">
          <cell r="C2266">
            <v>1.3374999999999999</v>
          </cell>
          <cell r="AT2266">
            <v>2004</v>
          </cell>
          <cell r="AU2266">
            <v>3</v>
          </cell>
        </row>
        <row r="2267">
          <cell r="C2267">
            <v>1.3324</v>
          </cell>
          <cell r="AT2267">
            <v>2004</v>
          </cell>
          <cell r="AU2267">
            <v>3</v>
          </cell>
        </row>
        <row r="2268">
          <cell r="C2268">
            <v>1.3333999999999999</v>
          </cell>
          <cell r="AT2268">
            <v>2004</v>
          </cell>
          <cell r="AU2268">
            <v>3</v>
          </cell>
        </row>
        <row r="2269">
          <cell r="C2269">
            <v>1.3411</v>
          </cell>
          <cell r="AT2269">
            <v>2004</v>
          </cell>
          <cell r="AU2269">
            <v>3</v>
          </cell>
        </row>
        <row r="2270">
          <cell r="C2270">
            <v>1.3291999999999999</v>
          </cell>
          <cell r="AT2270">
            <v>2004</v>
          </cell>
          <cell r="AU2270">
            <v>3</v>
          </cell>
        </row>
        <row r="2271">
          <cell r="C2271">
            <v>1.331</v>
          </cell>
          <cell r="AT2271">
            <v>2004</v>
          </cell>
          <cell r="AU2271">
            <v>3</v>
          </cell>
        </row>
        <row r="2272">
          <cell r="C2272">
            <v>1.331</v>
          </cell>
          <cell r="AT2272">
            <v>2004</v>
          </cell>
          <cell r="AU2272">
            <v>3</v>
          </cell>
        </row>
        <row r="2273">
          <cell r="C2273">
            <v>1.331</v>
          </cell>
          <cell r="AT2273">
            <v>2004</v>
          </cell>
          <cell r="AU2273">
            <v>3</v>
          </cell>
        </row>
        <row r="2274">
          <cell r="C2274">
            <v>1.3275999999999999</v>
          </cell>
          <cell r="AT2274">
            <v>2004</v>
          </cell>
          <cell r="AU2274">
            <v>3</v>
          </cell>
        </row>
        <row r="2275">
          <cell r="C2275">
            <v>1.3314999999999999</v>
          </cell>
          <cell r="AT2275">
            <v>2004</v>
          </cell>
          <cell r="AU2275">
            <v>3</v>
          </cell>
        </row>
        <row r="2276">
          <cell r="C2276">
            <v>1.3387</v>
          </cell>
          <cell r="AT2276">
            <v>2004</v>
          </cell>
          <cell r="AU2276">
            <v>3</v>
          </cell>
        </row>
        <row r="2277">
          <cell r="C2277">
            <v>1.3299000000000001</v>
          </cell>
          <cell r="AT2277">
            <v>2004</v>
          </cell>
          <cell r="AU2277">
            <v>3</v>
          </cell>
        </row>
        <row r="2278">
          <cell r="C2278">
            <v>1.32</v>
          </cell>
          <cell r="AT2278">
            <v>2004</v>
          </cell>
          <cell r="AU2278">
            <v>3</v>
          </cell>
        </row>
        <row r="2279">
          <cell r="C2279">
            <v>1.32</v>
          </cell>
          <cell r="AT2279">
            <v>2004</v>
          </cell>
          <cell r="AU2279">
            <v>3</v>
          </cell>
        </row>
        <row r="2280">
          <cell r="C2280">
            <v>1.32</v>
          </cell>
          <cell r="AT2280">
            <v>2004</v>
          </cell>
          <cell r="AU2280">
            <v>3</v>
          </cell>
        </row>
        <row r="2281">
          <cell r="C2281">
            <v>1.3090999999999999</v>
          </cell>
          <cell r="AT2281">
            <v>2004</v>
          </cell>
          <cell r="AU2281">
            <v>3</v>
          </cell>
        </row>
        <row r="2282">
          <cell r="C2282">
            <v>1.3079000000000001</v>
          </cell>
          <cell r="AT2282">
            <v>2004</v>
          </cell>
          <cell r="AU2282">
            <v>3</v>
          </cell>
        </row>
        <row r="2283">
          <cell r="C2283">
            <v>1.3105</v>
          </cell>
          <cell r="AT2283">
            <v>2004</v>
          </cell>
          <cell r="AU2283">
            <v>4</v>
          </cell>
        </row>
        <row r="2284">
          <cell r="C2284">
            <v>1.3101</v>
          </cell>
          <cell r="AT2284">
            <v>2004</v>
          </cell>
          <cell r="AU2284">
            <v>4</v>
          </cell>
        </row>
        <row r="2285">
          <cell r="C2285">
            <v>1.3156000000000001</v>
          </cell>
          <cell r="AT2285">
            <v>2004</v>
          </cell>
          <cell r="AU2285">
            <v>4</v>
          </cell>
        </row>
        <row r="2286">
          <cell r="C2286">
            <v>1.3156000000000001</v>
          </cell>
          <cell r="AT2286">
            <v>2004</v>
          </cell>
          <cell r="AU2286">
            <v>4</v>
          </cell>
        </row>
        <row r="2287">
          <cell r="C2287">
            <v>1.3156000000000001</v>
          </cell>
          <cell r="AT2287">
            <v>2004</v>
          </cell>
          <cell r="AU2287">
            <v>4</v>
          </cell>
        </row>
        <row r="2288">
          <cell r="C2288">
            <v>1.3147</v>
          </cell>
          <cell r="AT2288">
            <v>2004</v>
          </cell>
          <cell r="AU2288">
            <v>4</v>
          </cell>
        </row>
        <row r="2289">
          <cell r="C2289">
            <v>1.3092999999999999</v>
          </cell>
          <cell r="AT2289">
            <v>2004</v>
          </cell>
          <cell r="AU2289">
            <v>4</v>
          </cell>
        </row>
        <row r="2290">
          <cell r="C2290">
            <v>1.3129999999999999</v>
          </cell>
          <cell r="AT2290">
            <v>2004</v>
          </cell>
          <cell r="AU2290">
            <v>4</v>
          </cell>
        </row>
        <row r="2291">
          <cell r="C2291">
            <v>1.3260000000000001</v>
          </cell>
          <cell r="AT2291">
            <v>2004</v>
          </cell>
          <cell r="AU2291">
            <v>4</v>
          </cell>
        </row>
        <row r="2292">
          <cell r="C2292">
            <v>1.3260000000000001</v>
          </cell>
          <cell r="AT2292">
            <v>2004</v>
          </cell>
          <cell r="AU2292">
            <v>4</v>
          </cell>
        </row>
        <row r="2293">
          <cell r="C2293">
            <v>1.3260000000000001</v>
          </cell>
          <cell r="AT2293">
            <v>2004</v>
          </cell>
          <cell r="AU2293">
            <v>4</v>
          </cell>
        </row>
        <row r="2294">
          <cell r="C2294">
            <v>1.3260000000000001</v>
          </cell>
          <cell r="AT2294">
            <v>2004</v>
          </cell>
          <cell r="AU2294">
            <v>4</v>
          </cell>
        </row>
        <row r="2295">
          <cell r="C2295">
            <v>1.3374999999999999</v>
          </cell>
          <cell r="AT2295">
            <v>2004</v>
          </cell>
          <cell r="AU2295">
            <v>4</v>
          </cell>
        </row>
        <row r="2296">
          <cell r="C2296">
            <v>1.3359000000000001</v>
          </cell>
          <cell r="AT2296">
            <v>2004</v>
          </cell>
          <cell r="AU2296">
            <v>4</v>
          </cell>
        </row>
        <row r="2297">
          <cell r="C2297">
            <v>1.3440000000000001</v>
          </cell>
          <cell r="AT2297">
            <v>2004</v>
          </cell>
          <cell r="AU2297">
            <v>4</v>
          </cell>
        </row>
        <row r="2298">
          <cell r="C2298">
            <v>1.3472</v>
          </cell>
          <cell r="AT2298">
            <v>2004</v>
          </cell>
          <cell r="AU2298">
            <v>4</v>
          </cell>
        </row>
        <row r="2299">
          <cell r="C2299">
            <v>1.3445</v>
          </cell>
          <cell r="AT2299">
            <v>2004</v>
          </cell>
          <cell r="AU2299">
            <v>4</v>
          </cell>
        </row>
        <row r="2300">
          <cell r="C2300">
            <v>1.3445</v>
          </cell>
          <cell r="AT2300">
            <v>2004</v>
          </cell>
          <cell r="AU2300">
            <v>4</v>
          </cell>
        </row>
        <row r="2301">
          <cell r="C2301">
            <v>1.3445</v>
          </cell>
          <cell r="AT2301">
            <v>2004</v>
          </cell>
          <cell r="AU2301">
            <v>4</v>
          </cell>
        </row>
        <row r="2302">
          <cell r="C2302">
            <v>1.3466</v>
          </cell>
          <cell r="AT2302">
            <v>2004</v>
          </cell>
          <cell r="AU2302">
            <v>4</v>
          </cell>
        </row>
        <row r="2303">
          <cell r="C2303">
            <v>1.3534999999999999</v>
          </cell>
          <cell r="AT2303">
            <v>2004</v>
          </cell>
          <cell r="AU2303">
            <v>4</v>
          </cell>
        </row>
        <row r="2304">
          <cell r="C2304">
            <v>1.3589</v>
          </cell>
          <cell r="AT2304">
            <v>2004</v>
          </cell>
          <cell r="AU2304">
            <v>4</v>
          </cell>
        </row>
        <row r="2305">
          <cell r="C2305">
            <v>1.3585</v>
          </cell>
          <cell r="AT2305">
            <v>2004</v>
          </cell>
          <cell r="AU2305">
            <v>4</v>
          </cell>
        </row>
        <row r="2306">
          <cell r="C2306">
            <v>1.3611</v>
          </cell>
          <cell r="AT2306">
            <v>2004</v>
          </cell>
          <cell r="AU2306">
            <v>4</v>
          </cell>
        </row>
        <row r="2307">
          <cell r="C2307">
            <v>1.3611</v>
          </cell>
          <cell r="AT2307">
            <v>2004</v>
          </cell>
          <cell r="AU2307">
            <v>4</v>
          </cell>
        </row>
        <row r="2308">
          <cell r="C2308">
            <v>1.3611</v>
          </cell>
          <cell r="AT2308">
            <v>2004</v>
          </cell>
          <cell r="AU2308">
            <v>4</v>
          </cell>
        </row>
        <row r="2309">
          <cell r="C2309">
            <v>1.3555999999999999</v>
          </cell>
          <cell r="AT2309">
            <v>2004</v>
          </cell>
          <cell r="AU2309">
            <v>4</v>
          </cell>
        </row>
        <row r="2310">
          <cell r="C2310">
            <v>1.3517999999999999</v>
          </cell>
          <cell r="AT2310">
            <v>2004</v>
          </cell>
          <cell r="AU2310">
            <v>4</v>
          </cell>
        </row>
        <row r="2311">
          <cell r="C2311">
            <v>1.3673999999999999</v>
          </cell>
          <cell r="AT2311">
            <v>2004</v>
          </cell>
          <cell r="AU2311">
            <v>4</v>
          </cell>
        </row>
        <row r="2312">
          <cell r="C2312">
            <v>1.3695999999999999</v>
          </cell>
          <cell r="AT2312">
            <v>2004</v>
          </cell>
          <cell r="AU2312">
            <v>4</v>
          </cell>
        </row>
        <row r="2313">
          <cell r="C2313">
            <v>1.3707</v>
          </cell>
          <cell r="AT2313">
            <v>2004</v>
          </cell>
          <cell r="AU2313">
            <v>5</v>
          </cell>
        </row>
        <row r="2314">
          <cell r="C2314">
            <v>1.3707</v>
          </cell>
          <cell r="AT2314">
            <v>2004</v>
          </cell>
          <cell r="AU2314">
            <v>5</v>
          </cell>
        </row>
        <row r="2315">
          <cell r="C2315">
            <v>1.3707</v>
          </cell>
          <cell r="AT2315">
            <v>2004</v>
          </cell>
          <cell r="AU2315">
            <v>5</v>
          </cell>
        </row>
        <row r="2316">
          <cell r="C2316">
            <v>1.3738999999999999</v>
          </cell>
          <cell r="AT2316">
            <v>2004</v>
          </cell>
          <cell r="AU2316">
            <v>5</v>
          </cell>
        </row>
        <row r="2317">
          <cell r="C2317">
            <v>1.3696999999999999</v>
          </cell>
          <cell r="AT2317">
            <v>2004</v>
          </cell>
          <cell r="AU2317">
            <v>5</v>
          </cell>
        </row>
        <row r="2318">
          <cell r="C2318">
            <v>1.3728</v>
          </cell>
          <cell r="AT2318">
            <v>2004</v>
          </cell>
          <cell r="AU2318">
            <v>5</v>
          </cell>
        </row>
        <row r="2319">
          <cell r="C2319">
            <v>1.3779999999999999</v>
          </cell>
          <cell r="AT2319">
            <v>2004</v>
          </cell>
          <cell r="AU2319">
            <v>5</v>
          </cell>
        </row>
        <row r="2320">
          <cell r="C2320">
            <v>1.3855999999999999</v>
          </cell>
          <cell r="AT2320">
            <v>2004</v>
          </cell>
          <cell r="AU2320">
            <v>5</v>
          </cell>
        </row>
        <row r="2321">
          <cell r="C2321">
            <v>1.3855999999999999</v>
          </cell>
          <cell r="AT2321">
            <v>2004</v>
          </cell>
          <cell r="AU2321">
            <v>5</v>
          </cell>
        </row>
        <row r="2322">
          <cell r="C2322">
            <v>1.3855999999999999</v>
          </cell>
          <cell r="AT2322">
            <v>2004</v>
          </cell>
          <cell r="AU2322">
            <v>5</v>
          </cell>
        </row>
        <row r="2323">
          <cell r="C2323">
            <v>1.3931</v>
          </cell>
          <cell r="AT2323">
            <v>2004</v>
          </cell>
          <cell r="AU2323">
            <v>5</v>
          </cell>
        </row>
        <row r="2324">
          <cell r="C2324">
            <v>1.3866000000000001</v>
          </cell>
          <cell r="AT2324">
            <v>2004</v>
          </cell>
          <cell r="AU2324">
            <v>5</v>
          </cell>
        </row>
        <row r="2325">
          <cell r="C2325">
            <v>1.3877999999999999</v>
          </cell>
          <cell r="AT2325">
            <v>2004</v>
          </cell>
          <cell r="AU2325">
            <v>5</v>
          </cell>
        </row>
        <row r="2326">
          <cell r="C2326">
            <v>1.3968</v>
          </cell>
          <cell r="AT2326">
            <v>2004</v>
          </cell>
          <cell r="AU2326">
            <v>5</v>
          </cell>
        </row>
        <row r="2327">
          <cell r="C2327">
            <v>1.3925000000000001</v>
          </cell>
          <cell r="AT2327">
            <v>2004</v>
          </cell>
          <cell r="AU2327">
            <v>5</v>
          </cell>
        </row>
        <row r="2328">
          <cell r="C2328">
            <v>1.3925000000000001</v>
          </cell>
          <cell r="AT2328">
            <v>2004</v>
          </cell>
          <cell r="AU2328">
            <v>5</v>
          </cell>
        </row>
        <row r="2329">
          <cell r="C2329">
            <v>1.3925000000000001</v>
          </cell>
          <cell r="AT2329">
            <v>2004</v>
          </cell>
          <cell r="AU2329">
            <v>5</v>
          </cell>
        </row>
        <row r="2330">
          <cell r="C2330">
            <v>1.3851</v>
          </cell>
          <cell r="AT2330">
            <v>2004</v>
          </cell>
          <cell r="AU2330">
            <v>5</v>
          </cell>
        </row>
        <row r="2331">
          <cell r="C2331">
            <v>1.3912</v>
          </cell>
          <cell r="AT2331">
            <v>2004</v>
          </cell>
          <cell r="AU2331">
            <v>5</v>
          </cell>
        </row>
        <row r="2332">
          <cell r="C2332">
            <v>1.3766</v>
          </cell>
          <cell r="AT2332">
            <v>2004</v>
          </cell>
          <cell r="AU2332">
            <v>5</v>
          </cell>
        </row>
        <row r="2333">
          <cell r="C2333">
            <v>1.3704000000000001</v>
          </cell>
          <cell r="AT2333">
            <v>2004</v>
          </cell>
          <cell r="AU2333">
            <v>5</v>
          </cell>
        </row>
        <row r="2334">
          <cell r="C2334">
            <v>1.3731</v>
          </cell>
          <cell r="AT2334">
            <v>2004</v>
          </cell>
          <cell r="AU2334">
            <v>5</v>
          </cell>
        </row>
        <row r="2335">
          <cell r="C2335">
            <v>1.3731</v>
          </cell>
          <cell r="AT2335">
            <v>2004</v>
          </cell>
          <cell r="AU2335">
            <v>5</v>
          </cell>
        </row>
        <row r="2336">
          <cell r="C2336">
            <v>1.3731</v>
          </cell>
          <cell r="AT2336">
            <v>2004</v>
          </cell>
          <cell r="AU2336">
            <v>5</v>
          </cell>
        </row>
        <row r="2337">
          <cell r="C2337">
            <v>1.3731</v>
          </cell>
          <cell r="AT2337">
            <v>2004</v>
          </cell>
          <cell r="AU2337">
            <v>5</v>
          </cell>
        </row>
        <row r="2338">
          <cell r="C2338">
            <v>1.3759999999999999</v>
          </cell>
          <cell r="AT2338">
            <v>2004</v>
          </cell>
          <cell r="AU2338">
            <v>5</v>
          </cell>
        </row>
        <row r="2339">
          <cell r="C2339">
            <v>1.3704000000000001</v>
          </cell>
          <cell r="AT2339">
            <v>2004</v>
          </cell>
          <cell r="AU2339">
            <v>5</v>
          </cell>
        </row>
        <row r="2340">
          <cell r="C2340">
            <v>1.3576999999999999</v>
          </cell>
          <cell r="AT2340">
            <v>2004</v>
          </cell>
          <cell r="AU2340">
            <v>5</v>
          </cell>
        </row>
        <row r="2341">
          <cell r="C2341">
            <v>1.3657999999999999</v>
          </cell>
          <cell r="AT2341">
            <v>2004</v>
          </cell>
          <cell r="AU2341">
            <v>5</v>
          </cell>
        </row>
        <row r="2342">
          <cell r="C2342">
            <v>1.3657999999999999</v>
          </cell>
          <cell r="AT2342">
            <v>2004</v>
          </cell>
          <cell r="AU2342">
            <v>5</v>
          </cell>
        </row>
        <row r="2343">
          <cell r="C2343">
            <v>1.3657999999999999</v>
          </cell>
          <cell r="AT2343">
            <v>2004</v>
          </cell>
          <cell r="AU2343">
            <v>5</v>
          </cell>
        </row>
        <row r="2344">
          <cell r="C2344">
            <v>1.3657999999999999</v>
          </cell>
          <cell r="AT2344">
            <v>2004</v>
          </cell>
          <cell r="AU2344">
            <v>6</v>
          </cell>
        </row>
        <row r="2345">
          <cell r="C2345">
            <v>1.3685</v>
          </cell>
          <cell r="AT2345">
            <v>2004</v>
          </cell>
          <cell r="AU2345">
            <v>6</v>
          </cell>
        </row>
        <row r="2346">
          <cell r="C2346">
            <v>1.3615999999999999</v>
          </cell>
          <cell r="AT2346">
            <v>2004</v>
          </cell>
          <cell r="AU2346">
            <v>6</v>
          </cell>
        </row>
        <row r="2347">
          <cell r="C2347">
            <v>1.3607</v>
          </cell>
          <cell r="AT2347">
            <v>2004</v>
          </cell>
          <cell r="AU2347">
            <v>6</v>
          </cell>
        </row>
        <row r="2348">
          <cell r="C2348">
            <v>1.3502000000000001</v>
          </cell>
          <cell r="AT2348">
            <v>2004</v>
          </cell>
          <cell r="AU2348">
            <v>6</v>
          </cell>
        </row>
        <row r="2349">
          <cell r="C2349">
            <v>1.3502000000000001</v>
          </cell>
          <cell r="AT2349">
            <v>2004</v>
          </cell>
          <cell r="AU2349">
            <v>6</v>
          </cell>
        </row>
        <row r="2350">
          <cell r="C2350">
            <v>1.3502000000000001</v>
          </cell>
          <cell r="AT2350">
            <v>2004</v>
          </cell>
          <cell r="AU2350">
            <v>6</v>
          </cell>
        </row>
        <row r="2351">
          <cell r="C2351">
            <v>1.3448</v>
          </cell>
          <cell r="AT2351">
            <v>2004</v>
          </cell>
          <cell r="AU2351">
            <v>6</v>
          </cell>
        </row>
        <row r="2352">
          <cell r="C2352">
            <v>1.3468</v>
          </cell>
          <cell r="AT2352">
            <v>2004</v>
          </cell>
          <cell r="AU2352">
            <v>6</v>
          </cell>
        </row>
        <row r="2353">
          <cell r="C2353">
            <v>1.3541000000000001</v>
          </cell>
          <cell r="AT2353">
            <v>2004</v>
          </cell>
          <cell r="AU2353">
            <v>6</v>
          </cell>
        </row>
        <row r="2354">
          <cell r="C2354">
            <v>1.3568</v>
          </cell>
          <cell r="AT2354">
            <v>2004</v>
          </cell>
          <cell r="AU2354">
            <v>6</v>
          </cell>
        </row>
        <row r="2355">
          <cell r="C2355">
            <v>1.3647</v>
          </cell>
          <cell r="AT2355">
            <v>2004</v>
          </cell>
          <cell r="AU2355">
            <v>6</v>
          </cell>
        </row>
        <row r="2356">
          <cell r="C2356">
            <v>1.3647</v>
          </cell>
          <cell r="AT2356">
            <v>2004</v>
          </cell>
          <cell r="AU2356">
            <v>6</v>
          </cell>
        </row>
        <row r="2357">
          <cell r="C2357">
            <v>1.3647</v>
          </cell>
          <cell r="AT2357">
            <v>2004</v>
          </cell>
          <cell r="AU2357">
            <v>6</v>
          </cell>
        </row>
        <row r="2358">
          <cell r="C2358">
            <v>1.3683000000000001</v>
          </cell>
          <cell r="AT2358">
            <v>2004</v>
          </cell>
          <cell r="AU2358">
            <v>6</v>
          </cell>
        </row>
        <row r="2359">
          <cell r="C2359">
            <v>1.369</v>
          </cell>
          <cell r="AT2359">
            <v>2004</v>
          </cell>
          <cell r="AU2359">
            <v>6</v>
          </cell>
        </row>
        <row r="2360">
          <cell r="C2360">
            <v>1.3773</v>
          </cell>
          <cell r="AT2360">
            <v>2004</v>
          </cell>
          <cell r="AU2360">
            <v>6</v>
          </cell>
        </row>
        <row r="2361">
          <cell r="C2361">
            <v>1.3753</v>
          </cell>
          <cell r="AT2361">
            <v>2004</v>
          </cell>
          <cell r="AU2361">
            <v>6</v>
          </cell>
        </row>
        <row r="2362">
          <cell r="C2362">
            <v>1.3644000000000001</v>
          </cell>
          <cell r="AT2362">
            <v>2004</v>
          </cell>
          <cell r="AU2362">
            <v>6</v>
          </cell>
        </row>
        <row r="2363">
          <cell r="C2363">
            <v>1.3644000000000001</v>
          </cell>
          <cell r="AT2363">
            <v>2004</v>
          </cell>
          <cell r="AU2363">
            <v>6</v>
          </cell>
        </row>
        <row r="2364">
          <cell r="C2364">
            <v>1.3644000000000001</v>
          </cell>
          <cell r="AT2364">
            <v>2004</v>
          </cell>
          <cell r="AU2364">
            <v>6</v>
          </cell>
        </row>
        <row r="2365">
          <cell r="C2365">
            <v>1.3640000000000001</v>
          </cell>
          <cell r="AT2365">
            <v>2004</v>
          </cell>
          <cell r="AU2365">
            <v>6</v>
          </cell>
        </row>
        <row r="2366">
          <cell r="C2366">
            <v>1.359</v>
          </cell>
          <cell r="AT2366">
            <v>2004</v>
          </cell>
          <cell r="AU2366">
            <v>6</v>
          </cell>
        </row>
        <row r="2367">
          <cell r="C2367">
            <v>1.3615999999999999</v>
          </cell>
          <cell r="AT2367">
            <v>2004</v>
          </cell>
          <cell r="AU2367">
            <v>6</v>
          </cell>
        </row>
        <row r="2368">
          <cell r="C2368">
            <v>1.343</v>
          </cell>
          <cell r="AT2368">
            <v>2004</v>
          </cell>
          <cell r="AU2368">
            <v>6</v>
          </cell>
        </row>
        <row r="2369">
          <cell r="C2369">
            <v>1.3487</v>
          </cell>
          <cell r="AT2369">
            <v>2004</v>
          </cell>
          <cell r="AU2369">
            <v>6</v>
          </cell>
        </row>
        <row r="2370">
          <cell r="C2370">
            <v>1.3487</v>
          </cell>
          <cell r="AT2370">
            <v>2004</v>
          </cell>
          <cell r="AU2370">
            <v>6</v>
          </cell>
        </row>
        <row r="2371">
          <cell r="C2371">
            <v>1.3487</v>
          </cell>
          <cell r="AT2371">
            <v>2004</v>
          </cell>
          <cell r="AU2371">
            <v>6</v>
          </cell>
        </row>
        <row r="2372">
          <cell r="C2372">
            <v>1.3432999999999999</v>
          </cell>
          <cell r="AT2372">
            <v>2004</v>
          </cell>
          <cell r="AU2372">
            <v>6</v>
          </cell>
        </row>
        <row r="2373">
          <cell r="C2373">
            <v>1.3460000000000001</v>
          </cell>
          <cell r="AT2373">
            <v>2004</v>
          </cell>
          <cell r="AU2373">
            <v>6</v>
          </cell>
        </row>
        <row r="2374">
          <cell r="C2374">
            <v>1.3404</v>
          </cell>
          <cell r="AT2374">
            <v>2004</v>
          </cell>
          <cell r="AU2374">
            <v>7</v>
          </cell>
        </row>
        <row r="2375">
          <cell r="C2375">
            <v>1.3404</v>
          </cell>
          <cell r="AT2375">
            <v>2004</v>
          </cell>
          <cell r="AU2375">
            <v>7</v>
          </cell>
        </row>
        <row r="2376">
          <cell r="C2376">
            <v>1.3251999999999999</v>
          </cell>
          <cell r="AT2376">
            <v>2004</v>
          </cell>
          <cell r="AU2376">
            <v>7</v>
          </cell>
        </row>
        <row r="2377">
          <cell r="C2377">
            <v>1.3251999999999999</v>
          </cell>
          <cell r="AT2377">
            <v>2004</v>
          </cell>
          <cell r="AU2377">
            <v>7</v>
          </cell>
        </row>
        <row r="2378">
          <cell r="C2378">
            <v>1.3251999999999999</v>
          </cell>
          <cell r="AT2378">
            <v>2004</v>
          </cell>
          <cell r="AU2378">
            <v>7</v>
          </cell>
        </row>
        <row r="2379">
          <cell r="C2379">
            <v>1.3251999999999999</v>
          </cell>
          <cell r="AT2379">
            <v>2004</v>
          </cell>
          <cell r="AU2379">
            <v>7</v>
          </cell>
        </row>
        <row r="2380">
          <cell r="C2380">
            <v>1.3264</v>
          </cell>
          <cell r="AT2380">
            <v>2004</v>
          </cell>
          <cell r="AU2380">
            <v>7</v>
          </cell>
        </row>
        <row r="2381">
          <cell r="C2381">
            <v>1.3196000000000001</v>
          </cell>
          <cell r="AT2381">
            <v>2004</v>
          </cell>
          <cell r="AU2381">
            <v>7</v>
          </cell>
        </row>
        <row r="2382">
          <cell r="C2382">
            <v>1.3163</v>
          </cell>
          <cell r="AT2382">
            <v>2004</v>
          </cell>
          <cell r="AU2382">
            <v>7</v>
          </cell>
        </row>
        <row r="2383">
          <cell r="C2383">
            <v>1.3209</v>
          </cell>
          <cell r="AT2383">
            <v>2004</v>
          </cell>
          <cell r="AU2383">
            <v>7</v>
          </cell>
        </row>
        <row r="2384">
          <cell r="C2384">
            <v>1.3209</v>
          </cell>
          <cell r="AT2384">
            <v>2004</v>
          </cell>
          <cell r="AU2384">
            <v>7</v>
          </cell>
        </row>
        <row r="2385">
          <cell r="C2385">
            <v>1.3209</v>
          </cell>
          <cell r="AT2385">
            <v>2004</v>
          </cell>
          <cell r="AU2385">
            <v>7</v>
          </cell>
        </row>
        <row r="2386">
          <cell r="C2386">
            <v>1.3187</v>
          </cell>
          <cell r="AT2386">
            <v>2004</v>
          </cell>
          <cell r="AU2386">
            <v>7</v>
          </cell>
        </row>
        <row r="2387">
          <cell r="C2387">
            <v>1.3259000000000001</v>
          </cell>
          <cell r="AT2387">
            <v>2004</v>
          </cell>
          <cell r="AU2387">
            <v>7</v>
          </cell>
        </row>
        <row r="2388">
          <cell r="C2388">
            <v>1.3221000000000001</v>
          </cell>
          <cell r="AT2388">
            <v>2004</v>
          </cell>
          <cell r="AU2388">
            <v>7</v>
          </cell>
        </row>
        <row r="2389">
          <cell r="C2389">
            <v>1.3234999999999999</v>
          </cell>
          <cell r="AT2389">
            <v>2004</v>
          </cell>
          <cell r="AU2389">
            <v>7</v>
          </cell>
        </row>
        <row r="2390">
          <cell r="C2390">
            <v>1.3086</v>
          </cell>
          <cell r="AT2390">
            <v>2004</v>
          </cell>
          <cell r="AU2390">
            <v>7</v>
          </cell>
        </row>
        <row r="2391">
          <cell r="C2391">
            <v>1.3086</v>
          </cell>
          <cell r="AT2391">
            <v>2004</v>
          </cell>
          <cell r="AU2391">
            <v>7</v>
          </cell>
        </row>
        <row r="2392">
          <cell r="C2392">
            <v>1.3086</v>
          </cell>
          <cell r="AT2392">
            <v>2004</v>
          </cell>
          <cell r="AU2392">
            <v>7</v>
          </cell>
        </row>
        <row r="2393">
          <cell r="C2393">
            <v>1.3079000000000001</v>
          </cell>
          <cell r="AT2393">
            <v>2004</v>
          </cell>
          <cell r="AU2393">
            <v>7</v>
          </cell>
        </row>
        <row r="2394">
          <cell r="C2394">
            <v>1.3098000000000001</v>
          </cell>
          <cell r="AT2394">
            <v>2004</v>
          </cell>
          <cell r="AU2394">
            <v>7</v>
          </cell>
        </row>
        <row r="2395">
          <cell r="C2395">
            <v>1.3242</v>
          </cell>
          <cell r="AT2395">
            <v>2004</v>
          </cell>
          <cell r="AU2395">
            <v>7</v>
          </cell>
        </row>
        <row r="2396">
          <cell r="C2396">
            <v>1.3130999999999999</v>
          </cell>
          <cell r="AT2396">
            <v>2004</v>
          </cell>
          <cell r="AU2396">
            <v>7</v>
          </cell>
        </row>
        <row r="2397">
          <cell r="C2397">
            <v>1.3217000000000001</v>
          </cell>
          <cell r="AT2397">
            <v>2004</v>
          </cell>
          <cell r="AU2397">
            <v>7</v>
          </cell>
        </row>
        <row r="2398">
          <cell r="C2398">
            <v>1.3217000000000001</v>
          </cell>
          <cell r="AT2398">
            <v>2004</v>
          </cell>
          <cell r="AU2398">
            <v>7</v>
          </cell>
        </row>
        <row r="2399">
          <cell r="C2399">
            <v>1.3217000000000001</v>
          </cell>
          <cell r="AT2399">
            <v>2004</v>
          </cell>
          <cell r="AU2399">
            <v>7</v>
          </cell>
        </row>
        <row r="2400">
          <cell r="C2400">
            <v>1.3320000000000001</v>
          </cell>
          <cell r="AT2400">
            <v>2004</v>
          </cell>
          <cell r="AU2400">
            <v>7</v>
          </cell>
        </row>
        <row r="2401">
          <cell r="C2401">
            <v>1.3348</v>
          </cell>
          <cell r="AT2401">
            <v>2004</v>
          </cell>
          <cell r="AU2401">
            <v>7</v>
          </cell>
        </row>
        <row r="2402">
          <cell r="C2402">
            <v>1.3305</v>
          </cell>
          <cell r="AT2402">
            <v>2004</v>
          </cell>
          <cell r="AU2402">
            <v>7</v>
          </cell>
        </row>
        <row r="2403">
          <cell r="C2403">
            <v>1.3248</v>
          </cell>
          <cell r="AT2403">
            <v>2004</v>
          </cell>
          <cell r="AU2403">
            <v>7</v>
          </cell>
        </row>
        <row r="2404">
          <cell r="C2404">
            <v>1.3291999999999999</v>
          </cell>
          <cell r="AT2404">
            <v>2004</v>
          </cell>
          <cell r="AU2404">
            <v>7</v>
          </cell>
        </row>
        <row r="2405">
          <cell r="C2405">
            <v>1.3291999999999999</v>
          </cell>
          <cell r="AT2405">
            <v>2004</v>
          </cell>
          <cell r="AU2405">
            <v>8</v>
          </cell>
        </row>
        <row r="2406">
          <cell r="C2406">
            <v>1.3291999999999999</v>
          </cell>
          <cell r="AT2406">
            <v>2004</v>
          </cell>
          <cell r="AU2406">
            <v>8</v>
          </cell>
        </row>
        <row r="2407">
          <cell r="C2407">
            <v>1.3291999999999999</v>
          </cell>
          <cell r="AT2407">
            <v>2004</v>
          </cell>
          <cell r="AU2407">
            <v>8</v>
          </cell>
        </row>
        <row r="2408">
          <cell r="C2408">
            <v>1.3190999999999999</v>
          </cell>
          <cell r="AT2408">
            <v>2004</v>
          </cell>
          <cell r="AU2408">
            <v>8</v>
          </cell>
        </row>
        <row r="2409">
          <cell r="C2409">
            <v>1.3154999999999999</v>
          </cell>
          <cell r="AT2409">
            <v>2004</v>
          </cell>
          <cell r="AU2409">
            <v>8</v>
          </cell>
        </row>
        <row r="2410">
          <cell r="C2410">
            <v>1.3178000000000001</v>
          </cell>
          <cell r="AT2410">
            <v>2004</v>
          </cell>
          <cell r="AU2410">
            <v>8</v>
          </cell>
        </row>
        <row r="2411">
          <cell r="C2411">
            <v>1.3098000000000001</v>
          </cell>
          <cell r="AT2411">
            <v>2004</v>
          </cell>
          <cell r="AU2411">
            <v>8</v>
          </cell>
        </row>
        <row r="2412">
          <cell r="C2412">
            <v>1.3098000000000001</v>
          </cell>
          <cell r="AT2412">
            <v>2004</v>
          </cell>
          <cell r="AU2412">
            <v>8</v>
          </cell>
        </row>
        <row r="2413">
          <cell r="C2413">
            <v>1.3098000000000001</v>
          </cell>
          <cell r="AT2413">
            <v>2004</v>
          </cell>
          <cell r="AU2413">
            <v>8</v>
          </cell>
        </row>
        <row r="2414">
          <cell r="C2414">
            <v>1.3165</v>
          </cell>
          <cell r="AT2414">
            <v>2004</v>
          </cell>
          <cell r="AU2414">
            <v>8</v>
          </cell>
        </row>
        <row r="2415">
          <cell r="C2415">
            <v>1.3139000000000001</v>
          </cell>
          <cell r="AT2415">
            <v>2004</v>
          </cell>
          <cell r="AU2415">
            <v>8</v>
          </cell>
        </row>
        <row r="2416">
          <cell r="C2416">
            <v>1.3239000000000001</v>
          </cell>
          <cell r="AT2416">
            <v>2004</v>
          </cell>
          <cell r="AU2416">
            <v>8</v>
          </cell>
        </row>
        <row r="2417">
          <cell r="C2417">
            <v>1.3326</v>
          </cell>
          <cell r="AT2417">
            <v>2004</v>
          </cell>
          <cell r="AU2417">
            <v>8</v>
          </cell>
        </row>
        <row r="2418">
          <cell r="C2418">
            <v>1.3098000000000001</v>
          </cell>
          <cell r="AT2418">
            <v>2004</v>
          </cell>
          <cell r="AU2418">
            <v>8</v>
          </cell>
        </row>
        <row r="2419">
          <cell r="C2419">
            <v>1.3098000000000001</v>
          </cell>
          <cell r="AT2419">
            <v>2004</v>
          </cell>
          <cell r="AU2419">
            <v>8</v>
          </cell>
        </row>
        <row r="2420">
          <cell r="C2420">
            <v>1.3098000000000001</v>
          </cell>
          <cell r="AT2420">
            <v>2004</v>
          </cell>
          <cell r="AU2420">
            <v>8</v>
          </cell>
        </row>
        <row r="2421">
          <cell r="C2421">
            <v>1.3076000000000001</v>
          </cell>
          <cell r="AT2421">
            <v>2004</v>
          </cell>
          <cell r="AU2421">
            <v>8</v>
          </cell>
        </row>
        <row r="2422">
          <cell r="C2422">
            <v>1.3078000000000001</v>
          </cell>
          <cell r="AT2422">
            <v>2004</v>
          </cell>
          <cell r="AU2422">
            <v>8</v>
          </cell>
        </row>
        <row r="2423">
          <cell r="C2423">
            <v>1.3072999999999999</v>
          </cell>
          <cell r="AT2423">
            <v>2004</v>
          </cell>
          <cell r="AU2423">
            <v>8</v>
          </cell>
        </row>
        <row r="2424">
          <cell r="C2424">
            <v>1.2963</v>
          </cell>
          <cell r="AT2424">
            <v>2004</v>
          </cell>
          <cell r="AU2424">
            <v>8</v>
          </cell>
        </row>
        <row r="2425">
          <cell r="C2425">
            <v>1.2977000000000001</v>
          </cell>
          <cell r="AT2425">
            <v>2004</v>
          </cell>
          <cell r="AU2425">
            <v>8</v>
          </cell>
        </row>
        <row r="2426">
          <cell r="C2426">
            <v>1.2977000000000001</v>
          </cell>
          <cell r="AT2426">
            <v>2004</v>
          </cell>
          <cell r="AU2426">
            <v>8</v>
          </cell>
        </row>
        <row r="2427">
          <cell r="C2427">
            <v>1.2977000000000001</v>
          </cell>
          <cell r="AT2427">
            <v>2004</v>
          </cell>
          <cell r="AU2427">
            <v>8</v>
          </cell>
        </row>
        <row r="2428">
          <cell r="C2428">
            <v>1.3063</v>
          </cell>
          <cell r="AT2428">
            <v>2004</v>
          </cell>
          <cell r="AU2428">
            <v>8</v>
          </cell>
        </row>
        <row r="2429">
          <cell r="C2429">
            <v>1.3049999999999999</v>
          </cell>
          <cell r="AT2429">
            <v>2004</v>
          </cell>
          <cell r="AU2429">
            <v>8</v>
          </cell>
        </row>
        <row r="2430">
          <cell r="C2430">
            <v>1.3041</v>
          </cell>
          <cell r="AT2430">
            <v>2004</v>
          </cell>
          <cell r="AU2430">
            <v>8</v>
          </cell>
        </row>
        <row r="2431">
          <cell r="C2431">
            <v>1.3119000000000001</v>
          </cell>
          <cell r="AT2431">
            <v>2004</v>
          </cell>
          <cell r="AU2431">
            <v>8</v>
          </cell>
        </row>
        <row r="2432">
          <cell r="C2432">
            <v>1.3103</v>
          </cell>
          <cell r="AT2432">
            <v>2004</v>
          </cell>
          <cell r="AU2432">
            <v>8</v>
          </cell>
        </row>
        <row r="2433">
          <cell r="C2433">
            <v>1.3103</v>
          </cell>
          <cell r="AT2433">
            <v>2004</v>
          </cell>
          <cell r="AU2433">
            <v>8</v>
          </cell>
        </row>
        <row r="2434">
          <cell r="C2434">
            <v>1.3103</v>
          </cell>
          <cell r="AT2434">
            <v>2004</v>
          </cell>
          <cell r="AU2434">
            <v>8</v>
          </cell>
        </row>
        <row r="2435">
          <cell r="C2435">
            <v>1.3172999999999999</v>
          </cell>
          <cell r="AT2435">
            <v>2004</v>
          </cell>
          <cell r="AU2435">
            <v>8</v>
          </cell>
        </row>
        <row r="2436">
          <cell r="C2436">
            <v>1.3167</v>
          </cell>
          <cell r="AT2436">
            <v>2004</v>
          </cell>
          <cell r="AU2436">
            <v>9</v>
          </cell>
        </row>
        <row r="2437">
          <cell r="C2437">
            <v>1.3068</v>
          </cell>
          <cell r="AT2437">
            <v>2004</v>
          </cell>
          <cell r="AU2437">
            <v>9</v>
          </cell>
        </row>
        <row r="2438">
          <cell r="C2438">
            <v>1.2996000000000001</v>
          </cell>
          <cell r="AT2438">
            <v>2004</v>
          </cell>
          <cell r="AU2438">
            <v>9</v>
          </cell>
        </row>
        <row r="2439">
          <cell r="C2439">
            <v>1.3006</v>
          </cell>
          <cell r="AT2439">
            <v>2004</v>
          </cell>
          <cell r="AU2439">
            <v>9</v>
          </cell>
        </row>
        <row r="2440">
          <cell r="C2440">
            <v>1.3006</v>
          </cell>
          <cell r="AT2440">
            <v>2004</v>
          </cell>
          <cell r="AU2440">
            <v>9</v>
          </cell>
        </row>
        <row r="2441">
          <cell r="C2441">
            <v>1.3006</v>
          </cell>
          <cell r="AT2441">
            <v>2004</v>
          </cell>
          <cell r="AU2441">
            <v>9</v>
          </cell>
        </row>
        <row r="2442">
          <cell r="C2442">
            <v>1.3006</v>
          </cell>
          <cell r="AT2442">
            <v>2004</v>
          </cell>
          <cell r="AU2442">
            <v>9</v>
          </cell>
        </row>
        <row r="2443">
          <cell r="C2443">
            <v>1.2876000000000001</v>
          </cell>
          <cell r="AT2443">
            <v>2004</v>
          </cell>
          <cell r="AU2443">
            <v>9</v>
          </cell>
        </row>
        <row r="2444">
          <cell r="C2444">
            <v>1.2902</v>
          </cell>
          <cell r="AT2444">
            <v>2004</v>
          </cell>
          <cell r="AU2444">
            <v>9</v>
          </cell>
        </row>
        <row r="2445">
          <cell r="C2445">
            <v>1.2875000000000001</v>
          </cell>
          <cell r="AT2445">
            <v>2004</v>
          </cell>
          <cell r="AU2445">
            <v>9</v>
          </cell>
        </row>
        <row r="2446">
          <cell r="C2446">
            <v>1.2877000000000001</v>
          </cell>
          <cell r="AT2446">
            <v>2004</v>
          </cell>
          <cell r="AU2446">
            <v>9</v>
          </cell>
        </row>
        <row r="2447">
          <cell r="C2447">
            <v>1.2877000000000001</v>
          </cell>
          <cell r="AT2447">
            <v>2004</v>
          </cell>
          <cell r="AU2447">
            <v>9</v>
          </cell>
        </row>
        <row r="2448">
          <cell r="C2448">
            <v>1.2877000000000001</v>
          </cell>
          <cell r="AT2448">
            <v>2004</v>
          </cell>
          <cell r="AU2448">
            <v>9</v>
          </cell>
        </row>
        <row r="2449">
          <cell r="C2449">
            <v>1.3003</v>
          </cell>
          <cell r="AT2449">
            <v>2004</v>
          </cell>
          <cell r="AU2449">
            <v>9</v>
          </cell>
        </row>
        <row r="2450">
          <cell r="C2450">
            <v>1.2917000000000001</v>
          </cell>
          <cell r="AT2450">
            <v>2004</v>
          </cell>
          <cell r="AU2450">
            <v>9</v>
          </cell>
        </row>
        <row r="2451">
          <cell r="C2451">
            <v>1.2988</v>
          </cell>
          <cell r="AT2451">
            <v>2004</v>
          </cell>
          <cell r="AU2451">
            <v>9</v>
          </cell>
        </row>
        <row r="2452">
          <cell r="C2452">
            <v>1.2894000000000001</v>
          </cell>
          <cell r="AT2452">
            <v>2004</v>
          </cell>
          <cell r="AU2452">
            <v>9</v>
          </cell>
        </row>
        <row r="2453">
          <cell r="C2453">
            <v>1.2997000000000001</v>
          </cell>
          <cell r="AT2453">
            <v>2004</v>
          </cell>
          <cell r="AU2453">
            <v>9</v>
          </cell>
        </row>
        <row r="2454">
          <cell r="C2454">
            <v>1.2997000000000001</v>
          </cell>
          <cell r="AT2454">
            <v>2004</v>
          </cell>
          <cell r="AU2454">
            <v>9</v>
          </cell>
        </row>
        <row r="2455">
          <cell r="C2455">
            <v>1.2997000000000001</v>
          </cell>
          <cell r="AT2455">
            <v>2004</v>
          </cell>
          <cell r="AU2455">
            <v>9</v>
          </cell>
        </row>
        <row r="2456">
          <cell r="C2456">
            <v>1.2941</v>
          </cell>
          <cell r="AT2456">
            <v>2004</v>
          </cell>
          <cell r="AU2456">
            <v>9</v>
          </cell>
        </row>
        <row r="2457">
          <cell r="C2457">
            <v>1.2884</v>
          </cell>
          <cell r="AT2457">
            <v>2004</v>
          </cell>
          <cell r="AU2457">
            <v>9</v>
          </cell>
        </row>
        <row r="2458">
          <cell r="C2458">
            <v>1.2817000000000001</v>
          </cell>
          <cell r="AT2458">
            <v>2004</v>
          </cell>
          <cell r="AU2458">
            <v>9</v>
          </cell>
        </row>
        <row r="2459">
          <cell r="C2459">
            <v>1.2782</v>
          </cell>
          <cell r="AT2459">
            <v>2004</v>
          </cell>
          <cell r="AU2459">
            <v>9</v>
          </cell>
        </row>
        <row r="2460">
          <cell r="C2460">
            <v>1.2758</v>
          </cell>
          <cell r="AT2460">
            <v>2004</v>
          </cell>
          <cell r="AU2460">
            <v>9</v>
          </cell>
        </row>
        <row r="2461">
          <cell r="C2461">
            <v>1.2758</v>
          </cell>
          <cell r="AT2461">
            <v>2004</v>
          </cell>
          <cell r="AU2461">
            <v>9</v>
          </cell>
        </row>
        <row r="2462">
          <cell r="C2462">
            <v>1.2758</v>
          </cell>
          <cell r="AT2462">
            <v>2004</v>
          </cell>
          <cell r="AU2462">
            <v>9</v>
          </cell>
        </row>
        <row r="2463">
          <cell r="C2463">
            <v>1.2737000000000001</v>
          </cell>
          <cell r="AT2463">
            <v>2004</v>
          </cell>
          <cell r="AU2463">
            <v>9</v>
          </cell>
        </row>
        <row r="2464">
          <cell r="C2464">
            <v>1.2755000000000001</v>
          </cell>
          <cell r="AT2464">
            <v>2004</v>
          </cell>
          <cell r="AU2464">
            <v>9</v>
          </cell>
        </row>
        <row r="2465">
          <cell r="C2465">
            <v>1.2725</v>
          </cell>
          <cell r="AT2465">
            <v>2004</v>
          </cell>
          <cell r="AU2465">
            <v>9</v>
          </cell>
        </row>
        <row r="2466">
          <cell r="C2466">
            <v>1.2639</v>
          </cell>
          <cell r="AT2466">
            <v>2004</v>
          </cell>
          <cell r="AU2466">
            <v>10</v>
          </cell>
        </row>
        <row r="2467">
          <cell r="C2467">
            <v>1.2629999999999999</v>
          </cell>
          <cell r="AT2467">
            <v>2004</v>
          </cell>
          <cell r="AU2467">
            <v>10</v>
          </cell>
        </row>
        <row r="2468">
          <cell r="C2468">
            <v>1.2629999999999999</v>
          </cell>
          <cell r="AT2468">
            <v>2004</v>
          </cell>
          <cell r="AU2468">
            <v>10</v>
          </cell>
        </row>
        <row r="2469">
          <cell r="C2469">
            <v>1.2629999999999999</v>
          </cell>
          <cell r="AT2469">
            <v>2004</v>
          </cell>
          <cell r="AU2469">
            <v>10</v>
          </cell>
        </row>
        <row r="2470">
          <cell r="C2470">
            <v>1.2725</v>
          </cell>
          <cell r="AT2470">
            <v>2004</v>
          </cell>
          <cell r="AU2470">
            <v>10</v>
          </cell>
        </row>
        <row r="2471">
          <cell r="C2471">
            <v>1.2623</v>
          </cell>
          <cell r="AT2471">
            <v>2004</v>
          </cell>
          <cell r="AU2471">
            <v>10</v>
          </cell>
        </row>
        <row r="2472">
          <cell r="C2472">
            <v>1.2593000000000001</v>
          </cell>
          <cell r="AT2472">
            <v>2004</v>
          </cell>
          <cell r="AU2472">
            <v>10</v>
          </cell>
        </row>
        <row r="2473">
          <cell r="C2473">
            <v>1.2575000000000001</v>
          </cell>
          <cell r="AT2473">
            <v>2004</v>
          </cell>
          <cell r="AU2473">
            <v>10</v>
          </cell>
        </row>
        <row r="2474">
          <cell r="C2474">
            <v>1.2513000000000001</v>
          </cell>
          <cell r="AT2474">
            <v>2004</v>
          </cell>
          <cell r="AU2474">
            <v>10</v>
          </cell>
        </row>
        <row r="2475">
          <cell r="C2475">
            <v>1.2513000000000001</v>
          </cell>
          <cell r="AT2475">
            <v>2004</v>
          </cell>
          <cell r="AU2475">
            <v>10</v>
          </cell>
        </row>
        <row r="2476">
          <cell r="C2476">
            <v>1.2513000000000001</v>
          </cell>
          <cell r="AT2476">
            <v>2004</v>
          </cell>
          <cell r="AU2476">
            <v>10</v>
          </cell>
        </row>
        <row r="2477">
          <cell r="C2477">
            <v>1.2513000000000001</v>
          </cell>
          <cell r="AT2477">
            <v>2004</v>
          </cell>
          <cell r="AU2477">
            <v>10</v>
          </cell>
        </row>
        <row r="2478">
          <cell r="C2478">
            <v>1.2573000000000001</v>
          </cell>
          <cell r="AT2478">
            <v>2004</v>
          </cell>
          <cell r="AU2478">
            <v>10</v>
          </cell>
        </row>
        <row r="2479">
          <cell r="C2479">
            <v>1.2636000000000001</v>
          </cell>
          <cell r="AT2479">
            <v>2004</v>
          </cell>
          <cell r="AU2479">
            <v>10</v>
          </cell>
        </row>
        <row r="2480">
          <cell r="C2480">
            <v>1.2524999999999999</v>
          </cell>
          <cell r="AT2480">
            <v>2004</v>
          </cell>
          <cell r="AU2480">
            <v>10</v>
          </cell>
        </row>
        <row r="2481">
          <cell r="C2481">
            <v>1.2519</v>
          </cell>
          <cell r="AT2481">
            <v>2004</v>
          </cell>
          <cell r="AU2481">
            <v>10</v>
          </cell>
        </row>
        <row r="2482">
          <cell r="C2482">
            <v>1.2519</v>
          </cell>
          <cell r="AT2482">
            <v>2004</v>
          </cell>
          <cell r="AU2482">
            <v>10</v>
          </cell>
        </row>
        <row r="2483">
          <cell r="C2483">
            <v>1.2519</v>
          </cell>
          <cell r="AT2483">
            <v>2004</v>
          </cell>
          <cell r="AU2483">
            <v>10</v>
          </cell>
        </row>
        <row r="2484">
          <cell r="C2484">
            <v>1.2547999999999999</v>
          </cell>
          <cell r="AT2484">
            <v>2004</v>
          </cell>
          <cell r="AU2484">
            <v>10</v>
          </cell>
        </row>
        <row r="2485">
          <cell r="C2485">
            <v>1.2544</v>
          </cell>
          <cell r="AT2485">
            <v>2004</v>
          </cell>
          <cell r="AU2485">
            <v>10</v>
          </cell>
        </row>
        <row r="2486">
          <cell r="C2486">
            <v>1.2432000000000001</v>
          </cell>
          <cell r="AT2486">
            <v>2004</v>
          </cell>
          <cell r="AU2486">
            <v>10</v>
          </cell>
        </row>
        <row r="2487">
          <cell r="C2487">
            <v>1.2427999999999999</v>
          </cell>
          <cell r="AT2487">
            <v>2004</v>
          </cell>
          <cell r="AU2487">
            <v>10</v>
          </cell>
        </row>
        <row r="2488">
          <cell r="C2488">
            <v>1.2379</v>
          </cell>
          <cell r="AT2488">
            <v>2004</v>
          </cell>
          <cell r="AU2488">
            <v>10</v>
          </cell>
        </row>
        <row r="2489">
          <cell r="C2489">
            <v>1.2379</v>
          </cell>
          <cell r="AT2489">
            <v>2004</v>
          </cell>
          <cell r="AU2489">
            <v>10</v>
          </cell>
        </row>
        <row r="2490">
          <cell r="C2490">
            <v>1.2379</v>
          </cell>
          <cell r="AT2490">
            <v>2004</v>
          </cell>
          <cell r="AU2490">
            <v>10</v>
          </cell>
        </row>
        <row r="2491">
          <cell r="C2491">
            <v>1.2233000000000001</v>
          </cell>
          <cell r="AT2491">
            <v>2004</v>
          </cell>
          <cell r="AU2491">
            <v>10</v>
          </cell>
        </row>
        <row r="2492">
          <cell r="C2492">
            <v>1.2251000000000001</v>
          </cell>
          <cell r="AT2492">
            <v>2004</v>
          </cell>
          <cell r="AU2492">
            <v>10</v>
          </cell>
        </row>
        <row r="2493">
          <cell r="C2493">
            <v>1.2257</v>
          </cell>
          <cell r="AT2493">
            <v>2004</v>
          </cell>
          <cell r="AU2493">
            <v>10</v>
          </cell>
        </row>
        <row r="2494">
          <cell r="C2494">
            <v>1.2197</v>
          </cell>
          <cell r="AT2494">
            <v>2004</v>
          </cell>
          <cell r="AU2494">
            <v>10</v>
          </cell>
        </row>
        <row r="2495">
          <cell r="C2495">
            <v>1.2206999999999999</v>
          </cell>
          <cell r="AT2495">
            <v>2004</v>
          </cell>
          <cell r="AU2495">
            <v>10</v>
          </cell>
        </row>
        <row r="2496">
          <cell r="C2496">
            <v>1.2206999999999999</v>
          </cell>
          <cell r="AT2496">
            <v>2004</v>
          </cell>
          <cell r="AU2496">
            <v>10</v>
          </cell>
        </row>
        <row r="2497">
          <cell r="C2497">
            <v>1.2206999999999999</v>
          </cell>
          <cell r="AT2497">
            <v>2004</v>
          </cell>
          <cell r="AU2497">
            <v>11</v>
          </cell>
        </row>
        <row r="2498">
          <cell r="C2498">
            <v>1.2230000000000001</v>
          </cell>
          <cell r="AT2498">
            <v>2004</v>
          </cell>
          <cell r="AU2498">
            <v>11</v>
          </cell>
        </row>
        <row r="2499">
          <cell r="C2499">
            <v>1.2270000000000001</v>
          </cell>
          <cell r="AT2499">
            <v>2004</v>
          </cell>
          <cell r="AU2499">
            <v>11</v>
          </cell>
        </row>
        <row r="2500">
          <cell r="C2500">
            <v>1.2117</v>
          </cell>
          <cell r="AT2500">
            <v>2004</v>
          </cell>
          <cell r="AU2500">
            <v>11</v>
          </cell>
        </row>
        <row r="2501">
          <cell r="C2501">
            <v>1.2052</v>
          </cell>
          <cell r="AT2501">
            <v>2004</v>
          </cell>
          <cell r="AU2501">
            <v>11</v>
          </cell>
        </row>
        <row r="2502">
          <cell r="C2502">
            <v>1.1982999999999999</v>
          </cell>
          <cell r="AT2502">
            <v>2004</v>
          </cell>
          <cell r="AU2502">
            <v>11</v>
          </cell>
        </row>
        <row r="2503">
          <cell r="C2503">
            <v>1.1982999999999999</v>
          </cell>
          <cell r="AT2503">
            <v>2004</v>
          </cell>
          <cell r="AU2503">
            <v>11</v>
          </cell>
        </row>
        <row r="2504">
          <cell r="C2504">
            <v>1.1982999999999999</v>
          </cell>
          <cell r="AT2504">
            <v>2004</v>
          </cell>
          <cell r="AU2504">
            <v>11</v>
          </cell>
        </row>
        <row r="2505">
          <cell r="C2505">
            <v>1.1926000000000001</v>
          </cell>
          <cell r="AT2505">
            <v>2004</v>
          </cell>
          <cell r="AU2505">
            <v>11</v>
          </cell>
        </row>
        <row r="2506">
          <cell r="C2506">
            <v>1.1959</v>
          </cell>
          <cell r="AT2506">
            <v>2004</v>
          </cell>
          <cell r="AU2506">
            <v>11</v>
          </cell>
        </row>
        <row r="2507">
          <cell r="C2507">
            <v>1.198</v>
          </cell>
          <cell r="AT2507">
            <v>2004</v>
          </cell>
          <cell r="AU2507">
            <v>11</v>
          </cell>
        </row>
        <row r="2508">
          <cell r="C2508">
            <v>1.198</v>
          </cell>
          <cell r="AT2508">
            <v>2004</v>
          </cell>
          <cell r="AU2508">
            <v>11</v>
          </cell>
        </row>
        <row r="2509">
          <cell r="C2509">
            <v>1.1924999999999999</v>
          </cell>
          <cell r="AT2509">
            <v>2004</v>
          </cell>
          <cell r="AU2509">
            <v>11</v>
          </cell>
        </row>
        <row r="2510">
          <cell r="C2510">
            <v>1.1924999999999999</v>
          </cell>
          <cell r="AT2510">
            <v>2004</v>
          </cell>
          <cell r="AU2510">
            <v>11</v>
          </cell>
        </row>
        <row r="2511">
          <cell r="C2511">
            <v>1.1924999999999999</v>
          </cell>
          <cell r="AT2511">
            <v>2004</v>
          </cell>
          <cell r="AU2511">
            <v>11</v>
          </cell>
        </row>
        <row r="2512">
          <cell r="C2512">
            <v>1.2031000000000001</v>
          </cell>
          <cell r="AT2512">
            <v>2004</v>
          </cell>
          <cell r="AU2512">
            <v>11</v>
          </cell>
        </row>
        <row r="2513">
          <cell r="C2513">
            <v>1.1934</v>
          </cell>
          <cell r="AT2513">
            <v>2004</v>
          </cell>
          <cell r="AU2513">
            <v>11</v>
          </cell>
        </row>
        <row r="2514">
          <cell r="C2514">
            <v>1.1923999999999999</v>
          </cell>
          <cell r="AT2514">
            <v>2004</v>
          </cell>
          <cell r="AU2514">
            <v>11</v>
          </cell>
        </row>
        <row r="2515">
          <cell r="C2515">
            <v>1.2074</v>
          </cell>
          <cell r="AT2515">
            <v>2004</v>
          </cell>
          <cell r="AU2515">
            <v>11</v>
          </cell>
        </row>
        <row r="2516">
          <cell r="C2516">
            <v>1.2074</v>
          </cell>
          <cell r="AT2516">
            <v>2004</v>
          </cell>
          <cell r="AU2516">
            <v>11</v>
          </cell>
        </row>
        <row r="2517">
          <cell r="C2517">
            <v>1.1916</v>
          </cell>
          <cell r="AT2517">
            <v>2004</v>
          </cell>
          <cell r="AU2517">
            <v>11</v>
          </cell>
        </row>
        <row r="2518">
          <cell r="C2518">
            <v>1.1916</v>
          </cell>
          <cell r="AT2518">
            <v>2004</v>
          </cell>
          <cell r="AU2518">
            <v>11</v>
          </cell>
        </row>
        <row r="2519">
          <cell r="C2519">
            <v>1.1843999999999999</v>
          </cell>
          <cell r="AT2519">
            <v>2004</v>
          </cell>
          <cell r="AU2519">
            <v>11</v>
          </cell>
        </row>
        <row r="2520">
          <cell r="C2520">
            <v>1.1865000000000001</v>
          </cell>
          <cell r="AT2520">
            <v>2004</v>
          </cell>
          <cell r="AU2520">
            <v>11</v>
          </cell>
        </row>
        <row r="2521">
          <cell r="C2521">
            <v>1.1814</v>
          </cell>
          <cell r="AT2521">
            <v>2004</v>
          </cell>
          <cell r="AU2521">
            <v>11</v>
          </cell>
        </row>
        <row r="2522">
          <cell r="C2522">
            <v>1.1814</v>
          </cell>
          <cell r="AT2522">
            <v>2004</v>
          </cell>
          <cell r="AU2522">
            <v>11</v>
          </cell>
        </row>
        <row r="2523">
          <cell r="C2523">
            <v>1.1814</v>
          </cell>
          <cell r="AT2523">
            <v>2004</v>
          </cell>
          <cell r="AU2523">
            <v>11</v>
          </cell>
        </row>
        <row r="2524">
          <cell r="C2524">
            <v>1.1814</v>
          </cell>
          <cell r="AT2524">
            <v>2004</v>
          </cell>
          <cell r="AU2524">
            <v>11</v>
          </cell>
        </row>
        <row r="2525">
          <cell r="C2525">
            <v>1.1814</v>
          </cell>
          <cell r="AT2525">
            <v>2004</v>
          </cell>
          <cell r="AU2525">
            <v>11</v>
          </cell>
        </row>
        <row r="2526">
          <cell r="C2526">
            <v>1.1850000000000001</v>
          </cell>
          <cell r="AT2526">
            <v>2004</v>
          </cell>
          <cell r="AU2526">
            <v>11</v>
          </cell>
        </row>
        <row r="2527">
          <cell r="C2527">
            <v>1.1903999999999999</v>
          </cell>
          <cell r="AT2527">
            <v>2004</v>
          </cell>
          <cell r="AU2527">
            <v>12</v>
          </cell>
        </row>
        <row r="2528">
          <cell r="C2528">
            <v>1.1858</v>
          </cell>
          <cell r="AT2528">
            <v>2004</v>
          </cell>
          <cell r="AU2528">
            <v>12</v>
          </cell>
        </row>
        <row r="2529">
          <cell r="C2529">
            <v>1.1899</v>
          </cell>
          <cell r="AT2529">
            <v>2004</v>
          </cell>
          <cell r="AU2529">
            <v>12</v>
          </cell>
        </row>
        <row r="2530">
          <cell r="C2530">
            <v>1.1983999999999999</v>
          </cell>
          <cell r="AT2530">
            <v>2004</v>
          </cell>
          <cell r="AU2530">
            <v>12</v>
          </cell>
        </row>
        <row r="2531">
          <cell r="C2531">
            <v>1.1983999999999999</v>
          </cell>
          <cell r="AT2531">
            <v>2004</v>
          </cell>
          <cell r="AU2531">
            <v>12</v>
          </cell>
        </row>
        <row r="2532">
          <cell r="C2532">
            <v>1.1983999999999999</v>
          </cell>
          <cell r="AT2532">
            <v>2004</v>
          </cell>
          <cell r="AU2532">
            <v>12</v>
          </cell>
        </row>
        <row r="2533">
          <cell r="C2533">
            <v>1.2014</v>
          </cell>
          <cell r="AT2533">
            <v>2004</v>
          </cell>
          <cell r="AU2533">
            <v>12</v>
          </cell>
        </row>
        <row r="2534">
          <cell r="C2534">
            <v>1.2084999999999999</v>
          </cell>
          <cell r="AT2534">
            <v>2004</v>
          </cell>
          <cell r="AU2534">
            <v>12</v>
          </cell>
        </row>
        <row r="2535">
          <cell r="C2535">
            <v>1.2251000000000001</v>
          </cell>
          <cell r="AT2535">
            <v>2004</v>
          </cell>
          <cell r="AU2535">
            <v>12</v>
          </cell>
        </row>
        <row r="2536">
          <cell r="C2536">
            <v>1.2256</v>
          </cell>
          <cell r="AT2536">
            <v>2004</v>
          </cell>
          <cell r="AU2536">
            <v>12</v>
          </cell>
        </row>
        <row r="2537">
          <cell r="C2537">
            <v>1.2262999999999999</v>
          </cell>
          <cell r="AT2537">
            <v>2004</v>
          </cell>
          <cell r="AU2537">
            <v>12</v>
          </cell>
        </row>
        <row r="2538">
          <cell r="C2538">
            <v>1.2262999999999999</v>
          </cell>
          <cell r="AT2538">
            <v>2004</v>
          </cell>
          <cell r="AU2538">
            <v>12</v>
          </cell>
        </row>
        <row r="2539">
          <cell r="C2539">
            <v>1.2262999999999999</v>
          </cell>
          <cell r="AT2539">
            <v>2004</v>
          </cell>
          <cell r="AU2539">
            <v>12</v>
          </cell>
        </row>
        <row r="2540">
          <cell r="C2540">
            <v>1.2262999999999999</v>
          </cell>
          <cell r="AT2540">
            <v>2004</v>
          </cell>
          <cell r="AU2540">
            <v>12</v>
          </cell>
        </row>
        <row r="2541">
          <cell r="C2541">
            <v>1.2376</v>
          </cell>
          <cell r="AT2541">
            <v>2004</v>
          </cell>
          <cell r="AU2541">
            <v>12</v>
          </cell>
        </row>
        <row r="2542">
          <cell r="C2542">
            <v>1.2230000000000001</v>
          </cell>
          <cell r="AT2542">
            <v>2004</v>
          </cell>
          <cell r="AU2542">
            <v>12</v>
          </cell>
        </row>
        <row r="2543">
          <cell r="C2543">
            <v>1.2355</v>
          </cell>
          <cell r="AT2543">
            <v>2004</v>
          </cell>
          <cell r="AU2543">
            <v>12</v>
          </cell>
        </row>
        <row r="2544">
          <cell r="C2544">
            <v>1.2262</v>
          </cell>
          <cell r="AT2544">
            <v>2004</v>
          </cell>
          <cell r="AU2544">
            <v>12</v>
          </cell>
        </row>
        <row r="2545">
          <cell r="C2545">
            <v>1.2262</v>
          </cell>
          <cell r="AT2545">
            <v>2004</v>
          </cell>
          <cell r="AU2545">
            <v>12</v>
          </cell>
        </row>
        <row r="2546">
          <cell r="C2546">
            <v>1.2262</v>
          </cell>
          <cell r="AT2546">
            <v>2004</v>
          </cell>
          <cell r="AU2546">
            <v>12</v>
          </cell>
        </row>
        <row r="2547">
          <cell r="C2547">
            <v>1.2294</v>
          </cell>
          <cell r="AT2547">
            <v>2004</v>
          </cell>
          <cell r="AU2547">
            <v>12</v>
          </cell>
        </row>
        <row r="2548">
          <cell r="C2548">
            <v>1.2271000000000001</v>
          </cell>
          <cell r="AT2548">
            <v>2004</v>
          </cell>
          <cell r="AU2548">
            <v>12</v>
          </cell>
        </row>
        <row r="2549">
          <cell r="C2549">
            <v>1.2413000000000001</v>
          </cell>
          <cell r="AT2549">
            <v>2004</v>
          </cell>
          <cell r="AU2549">
            <v>12</v>
          </cell>
        </row>
        <row r="2550">
          <cell r="C2550">
            <v>1.2357</v>
          </cell>
          <cell r="AT2550">
            <v>2004</v>
          </cell>
          <cell r="AU2550">
            <v>12</v>
          </cell>
        </row>
        <row r="2551">
          <cell r="C2551">
            <v>1.2357</v>
          </cell>
          <cell r="AT2551">
            <v>2004</v>
          </cell>
          <cell r="AU2551">
            <v>12</v>
          </cell>
        </row>
        <row r="2552">
          <cell r="C2552">
            <v>1.2357</v>
          </cell>
          <cell r="AT2552">
            <v>2004</v>
          </cell>
          <cell r="AU2552">
            <v>12</v>
          </cell>
        </row>
        <row r="2553">
          <cell r="C2553">
            <v>1.2357</v>
          </cell>
          <cell r="AT2553">
            <v>2004</v>
          </cell>
          <cell r="AU2553">
            <v>12</v>
          </cell>
        </row>
        <row r="2554">
          <cell r="C2554">
            <v>1.2295</v>
          </cell>
          <cell r="AT2554">
            <v>2004</v>
          </cell>
          <cell r="AU2554">
            <v>12</v>
          </cell>
        </row>
        <row r="2555">
          <cell r="C2555">
            <v>1.2295</v>
          </cell>
          <cell r="AT2555">
            <v>2004</v>
          </cell>
          <cell r="AU2555">
            <v>12</v>
          </cell>
        </row>
        <row r="2556">
          <cell r="C2556">
            <v>1.2295</v>
          </cell>
          <cell r="AT2556">
            <v>2004</v>
          </cell>
          <cell r="AU2556">
            <v>12</v>
          </cell>
        </row>
        <row r="2557">
          <cell r="C2557">
            <v>1.2061999999999999</v>
          </cell>
          <cell r="AT2557">
            <v>2004</v>
          </cell>
          <cell r="AU2557">
            <v>12</v>
          </cell>
        </row>
        <row r="2558">
          <cell r="C2558">
            <v>1.2036</v>
          </cell>
          <cell r="AT2558">
            <v>2005</v>
          </cell>
          <cell r="AU2558">
            <v>1</v>
          </cell>
        </row>
        <row r="2559">
          <cell r="C2559">
            <v>1.2036</v>
          </cell>
          <cell r="AT2559">
            <v>2005</v>
          </cell>
          <cell r="AU2559">
            <v>1</v>
          </cell>
        </row>
        <row r="2560">
          <cell r="C2560">
            <v>1.2036</v>
          </cell>
          <cell r="AT2560">
            <v>2005</v>
          </cell>
          <cell r="AU2560">
            <v>1</v>
          </cell>
        </row>
        <row r="2561">
          <cell r="C2561">
            <v>1.2036</v>
          </cell>
          <cell r="AT2561">
            <v>2005</v>
          </cell>
          <cell r="AU2561">
            <v>1</v>
          </cell>
        </row>
        <row r="2562">
          <cell r="C2562">
            <v>1.2252000000000001</v>
          </cell>
          <cell r="AT2562">
            <v>2005</v>
          </cell>
          <cell r="AU2562">
            <v>1</v>
          </cell>
        </row>
        <row r="2563">
          <cell r="C2563">
            <v>1.2238</v>
          </cell>
          <cell r="AT2563">
            <v>2005</v>
          </cell>
          <cell r="AU2563">
            <v>1</v>
          </cell>
        </row>
        <row r="2564">
          <cell r="C2564">
            <v>1.2373000000000001</v>
          </cell>
          <cell r="AT2564">
            <v>2005</v>
          </cell>
          <cell r="AU2564">
            <v>1</v>
          </cell>
        </row>
        <row r="2565">
          <cell r="C2565">
            <v>1.2341</v>
          </cell>
          <cell r="AT2565">
            <v>2005</v>
          </cell>
          <cell r="AU2565">
            <v>1</v>
          </cell>
        </row>
        <row r="2566">
          <cell r="C2566">
            <v>1.2341</v>
          </cell>
          <cell r="AT2566">
            <v>2005</v>
          </cell>
          <cell r="AU2566">
            <v>1</v>
          </cell>
        </row>
        <row r="2567">
          <cell r="C2567">
            <v>1.2341</v>
          </cell>
          <cell r="AT2567">
            <v>2005</v>
          </cell>
          <cell r="AU2567">
            <v>1</v>
          </cell>
        </row>
        <row r="2568">
          <cell r="C2568">
            <v>1.2198</v>
          </cell>
          <cell r="AT2568">
            <v>2005</v>
          </cell>
          <cell r="AU2568">
            <v>1</v>
          </cell>
        </row>
        <row r="2569">
          <cell r="C2569">
            <v>1.2150000000000001</v>
          </cell>
          <cell r="AT2569">
            <v>2005</v>
          </cell>
          <cell r="AU2569">
            <v>1</v>
          </cell>
        </row>
        <row r="2570">
          <cell r="C2570">
            <v>1.1987000000000001</v>
          </cell>
          <cell r="AT2570">
            <v>2005</v>
          </cell>
          <cell r="AU2570">
            <v>1</v>
          </cell>
        </row>
        <row r="2571">
          <cell r="C2571">
            <v>1.2002999999999999</v>
          </cell>
          <cell r="AT2571">
            <v>2005</v>
          </cell>
          <cell r="AU2571">
            <v>1</v>
          </cell>
        </row>
        <row r="2572">
          <cell r="C2572">
            <v>1.2205999999999999</v>
          </cell>
          <cell r="AT2572">
            <v>2005</v>
          </cell>
          <cell r="AU2572">
            <v>1</v>
          </cell>
        </row>
        <row r="2573">
          <cell r="C2573">
            <v>1.2205999999999999</v>
          </cell>
          <cell r="AT2573">
            <v>2005</v>
          </cell>
          <cell r="AU2573">
            <v>1</v>
          </cell>
        </row>
        <row r="2574">
          <cell r="C2574">
            <v>1.2205999999999999</v>
          </cell>
          <cell r="AT2574">
            <v>2005</v>
          </cell>
          <cell r="AU2574">
            <v>1</v>
          </cell>
        </row>
        <row r="2575">
          <cell r="C2575">
            <v>1.2205999999999999</v>
          </cell>
          <cell r="AT2575">
            <v>2005</v>
          </cell>
          <cell r="AU2575">
            <v>1</v>
          </cell>
        </row>
        <row r="2576">
          <cell r="C2576">
            <v>1.2223999999999999</v>
          </cell>
          <cell r="AT2576">
            <v>2005</v>
          </cell>
          <cell r="AU2576">
            <v>1</v>
          </cell>
        </row>
        <row r="2577">
          <cell r="C2577">
            <v>1.2273000000000001</v>
          </cell>
          <cell r="AT2577">
            <v>2005</v>
          </cell>
          <cell r="AU2577">
            <v>1</v>
          </cell>
        </row>
        <row r="2578">
          <cell r="C2578">
            <v>1.2326999999999999</v>
          </cell>
          <cell r="AT2578">
            <v>2005</v>
          </cell>
          <cell r="AU2578">
            <v>1</v>
          </cell>
        </row>
        <row r="2579">
          <cell r="C2579">
            <v>1.2212000000000001</v>
          </cell>
          <cell r="AT2579">
            <v>2005</v>
          </cell>
          <cell r="AU2579">
            <v>1</v>
          </cell>
        </row>
        <row r="2580">
          <cell r="C2580">
            <v>1.2212000000000001</v>
          </cell>
          <cell r="AT2580">
            <v>2005</v>
          </cell>
          <cell r="AU2580">
            <v>1</v>
          </cell>
        </row>
        <row r="2581">
          <cell r="C2581">
            <v>1.2212000000000001</v>
          </cell>
          <cell r="AT2581">
            <v>2005</v>
          </cell>
          <cell r="AU2581">
            <v>1</v>
          </cell>
        </row>
        <row r="2582">
          <cell r="C2582">
            <v>1.226</v>
          </cell>
          <cell r="AT2582">
            <v>2005</v>
          </cell>
          <cell r="AU2582">
            <v>1</v>
          </cell>
        </row>
        <row r="2583">
          <cell r="C2583">
            <v>1.2383</v>
          </cell>
          <cell r="AT2583">
            <v>2005</v>
          </cell>
          <cell r="AU2583">
            <v>1</v>
          </cell>
        </row>
        <row r="2584">
          <cell r="C2584">
            <v>1.2306999999999999</v>
          </cell>
          <cell r="AT2584">
            <v>2005</v>
          </cell>
          <cell r="AU2584">
            <v>1</v>
          </cell>
        </row>
        <row r="2585">
          <cell r="C2585">
            <v>1.2366999999999999</v>
          </cell>
          <cell r="AT2585">
            <v>2005</v>
          </cell>
          <cell r="AU2585">
            <v>1</v>
          </cell>
        </row>
        <row r="2586">
          <cell r="C2586">
            <v>1.2421</v>
          </cell>
          <cell r="AT2586">
            <v>2005</v>
          </cell>
          <cell r="AU2586">
            <v>1</v>
          </cell>
        </row>
        <row r="2587">
          <cell r="C2587">
            <v>1.2421</v>
          </cell>
          <cell r="AT2587">
            <v>2005</v>
          </cell>
          <cell r="AU2587">
            <v>1</v>
          </cell>
        </row>
        <row r="2588">
          <cell r="C2588">
            <v>1.2421</v>
          </cell>
          <cell r="AT2588">
            <v>2005</v>
          </cell>
          <cell r="AU2588">
            <v>1</v>
          </cell>
        </row>
        <row r="2589">
          <cell r="C2589">
            <v>1.238</v>
          </cell>
          <cell r="AT2589">
            <v>2005</v>
          </cell>
          <cell r="AU2589">
            <v>2</v>
          </cell>
        </row>
        <row r="2590">
          <cell r="C2590">
            <v>1.2397</v>
          </cell>
          <cell r="AT2590">
            <v>2005</v>
          </cell>
          <cell r="AU2590">
            <v>2</v>
          </cell>
        </row>
        <row r="2591">
          <cell r="C2591">
            <v>1.2404999999999999</v>
          </cell>
          <cell r="AT2591">
            <v>2005</v>
          </cell>
          <cell r="AU2591">
            <v>2</v>
          </cell>
        </row>
        <row r="2592">
          <cell r="C2592">
            <v>1.2427999999999999</v>
          </cell>
          <cell r="AT2592">
            <v>2005</v>
          </cell>
          <cell r="AU2592">
            <v>2</v>
          </cell>
        </row>
        <row r="2593">
          <cell r="C2593">
            <v>1.2498</v>
          </cell>
          <cell r="AT2593">
            <v>2005</v>
          </cell>
          <cell r="AU2593">
            <v>2</v>
          </cell>
        </row>
        <row r="2594">
          <cell r="C2594">
            <v>1.2498</v>
          </cell>
          <cell r="AT2594">
            <v>2005</v>
          </cell>
          <cell r="AU2594">
            <v>2</v>
          </cell>
        </row>
        <row r="2595">
          <cell r="C2595">
            <v>1.2498</v>
          </cell>
          <cell r="AT2595">
            <v>2005</v>
          </cell>
          <cell r="AU2595">
            <v>2</v>
          </cell>
        </row>
        <row r="2596">
          <cell r="C2596">
            <v>1.2565999999999999</v>
          </cell>
          <cell r="AT2596">
            <v>2005</v>
          </cell>
          <cell r="AU2596">
            <v>2</v>
          </cell>
        </row>
        <row r="2597">
          <cell r="C2597">
            <v>1.248</v>
          </cell>
          <cell r="AT2597">
            <v>2005</v>
          </cell>
          <cell r="AU2597">
            <v>2</v>
          </cell>
        </row>
        <row r="2598">
          <cell r="C2598">
            <v>1.2509999999999999</v>
          </cell>
          <cell r="AT2598">
            <v>2005</v>
          </cell>
          <cell r="AU2598">
            <v>2</v>
          </cell>
        </row>
        <row r="2599">
          <cell r="C2599">
            <v>1.2408999999999999</v>
          </cell>
          <cell r="AT2599">
            <v>2005</v>
          </cell>
          <cell r="AU2599">
            <v>2</v>
          </cell>
        </row>
        <row r="2600">
          <cell r="C2600">
            <v>1.2379</v>
          </cell>
          <cell r="AT2600">
            <v>2005</v>
          </cell>
          <cell r="AU2600">
            <v>2</v>
          </cell>
        </row>
        <row r="2601">
          <cell r="C2601">
            <v>1.2379</v>
          </cell>
          <cell r="AT2601">
            <v>2005</v>
          </cell>
          <cell r="AU2601">
            <v>2</v>
          </cell>
        </row>
        <row r="2602">
          <cell r="C2602">
            <v>1.2379</v>
          </cell>
          <cell r="AT2602">
            <v>2005</v>
          </cell>
          <cell r="AU2602">
            <v>2</v>
          </cell>
        </row>
        <row r="2603">
          <cell r="C2603">
            <v>1.2344999999999999</v>
          </cell>
          <cell r="AT2603">
            <v>2005</v>
          </cell>
          <cell r="AU2603">
            <v>2</v>
          </cell>
        </row>
        <row r="2604">
          <cell r="C2604">
            <v>1.2336</v>
          </cell>
          <cell r="AT2604">
            <v>2005</v>
          </cell>
          <cell r="AU2604">
            <v>2</v>
          </cell>
        </row>
        <row r="2605">
          <cell r="C2605">
            <v>1.2423999999999999</v>
          </cell>
          <cell r="AT2605">
            <v>2005</v>
          </cell>
          <cell r="AU2605">
            <v>2</v>
          </cell>
        </row>
        <row r="2606">
          <cell r="C2606">
            <v>1.23</v>
          </cell>
          <cell r="AT2606">
            <v>2005</v>
          </cell>
          <cell r="AU2606">
            <v>2</v>
          </cell>
        </row>
        <row r="2607">
          <cell r="C2607">
            <v>1.2299</v>
          </cell>
          <cell r="AT2607">
            <v>2005</v>
          </cell>
          <cell r="AU2607">
            <v>2</v>
          </cell>
        </row>
        <row r="2608">
          <cell r="C2608">
            <v>1.2299</v>
          </cell>
          <cell r="AT2608">
            <v>2005</v>
          </cell>
          <cell r="AU2608">
            <v>2</v>
          </cell>
        </row>
        <row r="2609">
          <cell r="C2609">
            <v>1.2299</v>
          </cell>
          <cell r="AT2609">
            <v>2005</v>
          </cell>
          <cell r="AU2609">
            <v>2</v>
          </cell>
        </row>
        <row r="2610">
          <cell r="C2610">
            <v>1.2299</v>
          </cell>
          <cell r="AT2610">
            <v>2005</v>
          </cell>
          <cell r="AU2610">
            <v>2</v>
          </cell>
        </row>
        <row r="2611">
          <cell r="C2611">
            <v>1.2299</v>
          </cell>
          <cell r="AT2611">
            <v>2005</v>
          </cell>
          <cell r="AU2611">
            <v>2</v>
          </cell>
        </row>
        <row r="2612">
          <cell r="C2612">
            <v>1.2383</v>
          </cell>
          <cell r="AT2612">
            <v>2005</v>
          </cell>
          <cell r="AU2612">
            <v>2</v>
          </cell>
        </row>
        <row r="2613">
          <cell r="C2613">
            <v>1.2416</v>
          </cell>
          <cell r="AT2613">
            <v>2005</v>
          </cell>
          <cell r="AU2613">
            <v>2</v>
          </cell>
        </row>
        <row r="2614">
          <cell r="C2614">
            <v>1.2407999999999999</v>
          </cell>
          <cell r="AT2614">
            <v>2005</v>
          </cell>
          <cell r="AU2614">
            <v>2</v>
          </cell>
        </row>
        <row r="2615">
          <cell r="C2615">
            <v>1.2407999999999999</v>
          </cell>
          <cell r="AT2615">
            <v>2005</v>
          </cell>
          <cell r="AU2615">
            <v>2</v>
          </cell>
        </row>
        <row r="2616">
          <cell r="C2616">
            <v>1.2407999999999999</v>
          </cell>
          <cell r="AT2616">
            <v>2005</v>
          </cell>
          <cell r="AU2616">
            <v>2</v>
          </cell>
        </row>
        <row r="2617">
          <cell r="C2617">
            <v>1.2314000000000001</v>
          </cell>
          <cell r="AT2617">
            <v>2005</v>
          </cell>
          <cell r="AU2617">
            <v>3</v>
          </cell>
        </row>
        <row r="2618">
          <cell r="C2618">
            <v>1.2428999999999999</v>
          </cell>
          <cell r="AT2618">
            <v>2005</v>
          </cell>
          <cell r="AU2618">
            <v>3</v>
          </cell>
        </row>
        <row r="2619">
          <cell r="C2619">
            <v>1.2401</v>
          </cell>
          <cell r="AT2619">
            <v>2005</v>
          </cell>
          <cell r="AU2619">
            <v>3</v>
          </cell>
        </row>
        <row r="2620">
          <cell r="C2620">
            <v>1.2462</v>
          </cell>
          <cell r="AT2620">
            <v>2005</v>
          </cell>
          <cell r="AU2620">
            <v>3</v>
          </cell>
        </row>
        <row r="2621">
          <cell r="C2621">
            <v>1.2325999999999999</v>
          </cell>
          <cell r="AT2621">
            <v>2005</v>
          </cell>
          <cell r="AU2621">
            <v>3</v>
          </cell>
        </row>
        <row r="2622">
          <cell r="C2622">
            <v>1.2325999999999999</v>
          </cell>
          <cell r="AT2622">
            <v>2005</v>
          </cell>
          <cell r="AU2622">
            <v>3</v>
          </cell>
        </row>
        <row r="2623">
          <cell r="C2623">
            <v>1.2325999999999999</v>
          </cell>
          <cell r="AT2623">
            <v>2005</v>
          </cell>
          <cell r="AU2623">
            <v>3</v>
          </cell>
        </row>
        <row r="2624">
          <cell r="C2624">
            <v>1.2293000000000001</v>
          </cell>
          <cell r="AT2624">
            <v>2005</v>
          </cell>
          <cell r="AU2624">
            <v>3</v>
          </cell>
        </row>
        <row r="2625">
          <cell r="C2625">
            <v>1.2169000000000001</v>
          </cell>
          <cell r="AT2625">
            <v>2005</v>
          </cell>
          <cell r="AU2625">
            <v>3</v>
          </cell>
        </row>
        <row r="2626">
          <cell r="C2626">
            <v>1.2064999999999999</v>
          </cell>
          <cell r="AT2626">
            <v>2005</v>
          </cell>
          <cell r="AU2626">
            <v>3</v>
          </cell>
        </row>
        <row r="2627">
          <cell r="C2627">
            <v>1.2048000000000001</v>
          </cell>
          <cell r="AT2627">
            <v>2005</v>
          </cell>
          <cell r="AU2627">
            <v>3</v>
          </cell>
        </row>
        <row r="2628">
          <cell r="C2628">
            <v>1.204</v>
          </cell>
          <cell r="AT2628">
            <v>2005</v>
          </cell>
          <cell r="AU2628">
            <v>3</v>
          </cell>
        </row>
        <row r="2629">
          <cell r="C2629">
            <v>1.204</v>
          </cell>
          <cell r="AT2629">
            <v>2005</v>
          </cell>
          <cell r="AU2629">
            <v>3</v>
          </cell>
        </row>
        <row r="2630">
          <cell r="C2630">
            <v>1.204</v>
          </cell>
          <cell r="AT2630">
            <v>2005</v>
          </cell>
          <cell r="AU2630">
            <v>3</v>
          </cell>
        </row>
        <row r="2631">
          <cell r="C2631">
            <v>1.2087000000000001</v>
          </cell>
          <cell r="AT2631">
            <v>2005</v>
          </cell>
          <cell r="AU2631">
            <v>3</v>
          </cell>
        </row>
        <row r="2632">
          <cell r="C2632">
            <v>1.2078</v>
          </cell>
          <cell r="AT2632">
            <v>2005</v>
          </cell>
          <cell r="AU2632">
            <v>3</v>
          </cell>
        </row>
        <row r="2633">
          <cell r="C2633">
            <v>1.2036</v>
          </cell>
          <cell r="AT2633">
            <v>2005</v>
          </cell>
          <cell r="AU2633">
            <v>3</v>
          </cell>
        </row>
        <row r="2634">
          <cell r="C2634">
            <v>1.2021999999999999</v>
          </cell>
          <cell r="AT2634">
            <v>2005</v>
          </cell>
          <cell r="AU2634">
            <v>3</v>
          </cell>
        </row>
        <row r="2635">
          <cell r="C2635">
            <v>1.2028000000000001</v>
          </cell>
          <cell r="AT2635">
            <v>2005</v>
          </cell>
          <cell r="AU2635">
            <v>3</v>
          </cell>
        </row>
        <row r="2636">
          <cell r="C2636">
            <v>1.2028000000000001</v>
          </cell>
          <cell r="AT2636">
            <v>2005</v>
          </cell>
          <cell r="AU2636">
            <v>3</v>
          </cell>
        </row>
        <row r="2637">
          <cell r="C2637">
            <v>1.2028000000000001</v>
          </cell>
          <cell r="AT2637">
            <v>2005</v>
          </cell>
          <cell r="AU2637">
            <v>3</v>
          </cell>
        </row>
        <row r="2638">
          <cell r="C2638">
            <v>1.2117</v>
          </cell>
          <cell r="AT2638">
            <v>2005</v>
          </cell>
          <cell r="AU2638">
            <v>3</v>
          </cell>
        </row>
        <row r="2639">
          <cell r="C2639">
            <v>1.2019</v>
          </cell>
          <cell r="AT2639">
            <v>2005</v>
          </cell>
          <cell r="AU2639">
            <v>3</v>
          </cell>
        </row>
        <row r="2640">
          <cell r="C2640">
            <v>1.2136</v>
          </cell>
          <cell r="AT2640">
            <v>2005</v>
          </cell>
          <cell r="AU2640">
            <v>3</v>
          </cell>
        </row>
        <row r="2641">
          <cell r="C2641">
            <v>1.2153</v>
          </cell>
          <cell r="AT2641">
            <v>2005</v>
          </cell>
          <cell r="AU2641">
            <v>3</v>
          </cell>
        </row>
        <row r="2642">
          <cell r="C2642">
            <v>1.2153</v>
          </cell>
          <cell r="AT2642">
            <v>2005</v>
          </cell>
          <cell r="AU2642">
            <v>3</v>
          </cell>
        </row>
        <row r="2643">
          <cell r="C2643">
            <v>1.2153</v>
          </cell>
          <cell r="AT2643">
            <v>2005</v>
          </cell>
          <cell r="AU2643">
            <v>3</v>
          </cell>
        </row>
        <row r="2644">
          <cell r="C2644">
            <v>1.2153</v>
          </cell>
          <cell r="AT2644">
            <v>2005</v>
          </cell>
          <cell r="AU2644">
            <v>3</v>
          </cell>
        </row>
        <row r="2645">
          <cell r="C2645">
            <v>1.2236</v>
          </cell>
          <cell r="AT2645">
            <v>2005</v>
          </cell>
          <cell r="AU2645">
            <v>3</v>
          </cell>
        </row>
        <row r="2646">
          <cell r="C2646">
            <v>1.2136</v>
          </cell>
          <cell r="AT2646">
            <v>2005</v>
          </cell>
          <cell r="AU2646">
            <v>3</v>
          </cell>
        </row>
        <row r="2647">
          <cell r="C2647">
            <v>1.2164999999999999</v>
          </cell>
          <cell r="AT2647">
            <v>2005</v>
          </cell>
          <cell r="AU2647">
            <v>3</v>
          </cell>
        </row>
        <row r="2648">
          <cell r="C2648">
            <v>1.2096</v>
          </cell>
          <cell r="AT2648">
            <v>2005</v>
          </cell>
          <cell r="AU2648">
            <v>4</v>
          </cell>
        </row>
        <row r="2649">
          <cell r="C2649">
            <v>1.2146999999999999</v>
          </cell>
          <cell r="AT2649">
            <v>2005</v>
          </cell>
          <cell r="AU2649">
            <v>4</v>
          </cell>
        </row>
        <row r="2650">
          <cell r="C2650">
            <v>1.2146999999999999</v>
          </cell>
          <cell r="AT2650">
            <v>2005</v>
          </cell>
          <cell r="AU2650">
            <v>4</v>
          </cell>
        </row>
        <row r="2651">
          <cell r="C2651">
            <v>1.2146999999999999</v>
          </cell>
          <cell r="AT2651">
            <v>2005</v>
          </cell>
          <cell r="AU2651">
            <v>4</v>
          </cell>
        </row>
        <row r="2652">
          <cell r="C2652">
            <v>1.2202999999999999</v>
          </cell>
          <cell r="AT2652">
            <v>2005</v>
          </cell>
          <cell r="AU2652">
            <v>4</v>
          </cell>
        </row>
        <row r="2653">
          <cell r="C2653">
            <v>1.2201</v>
          </cell>
          <cell r="AT2653">
            <v>2005</v>
          </cell>
          <cell r="AU2653">
            <v>4</v>
          </cell>
        </row>
        <row r="2654">
          <cell r="C2654">
            <v>1.2219</v>
          </cell>
          <cell r="AT2654">
            <v>2005</v>
          </cell>
          <cell r="AU2654">
            <v>4</v>
          </cell>
        </row>
        <row r="2655">
          <cell r="C2655">
            <v>1.2208000000000001</v>
          </cell>
          <cell r="AT2655">
            <v>2005</v>
          </cell>
          <cell r="AU2655">
            <v>4</v>
          </cell>
        </row>
        <row r="2656">
          <cell r="C2656">
            <v>1.2245999999999999</v>
          </cell>
          <cell r="AT2656">
            <v>2005</v>
          </cell>
          <cell r="AU2656">
            <v>4</v>
          </cell>
        </row>
        <row r="2657">
          <cell r="C2657">
            <v>1.2245999999999999</v>
          </cell>
          <cell r="AT2657">
            <v>2005</v>
          </cell>
          <cell r="AU2657">
            <v>4</v>
          </cell>
        </row>
        <row r="2658">
          <cell r="C2658">
            <v>1.2245999999999999</v>
          </cell>
          <cell r="AT2658">
            <v>2005</v>
          </cell>
          <cell r="AU2658">
            <v>4</v>
          </cell>
        </row>
        <row r="2659">
          <cell r="C2659">
            <v>1.2331000000000001</v>
          </cell>
          <cell r="AT2659">
            <v>2005</v>
          </cell>
          <cell r="AU2659">
            <v>4</v>
          </cell>
        </row>
        <row r="2660">
          <cell r="C2660">
            <v>1.2405999999999999</v>
          </cell>
          <cell r="AT2660">
            <v>2005</v>
          </cell>
          <cell r="AU2660">
            <v>4</v>
          </cell>
        </row>
        <row r="2661">
          <cell r="C2661">
            <v>1.2367999999999999</v>
          </cell>
          <cell r="AT2661">
            <v>2005</v>
          </cell>
          <cell r="AU2661">
            <v>4</v>
          </cell>
        </row>
        <row r="2662">
          <cell r="C2662">
            <v>1.2417</v>
          </cell>
          <cell r="AT2662">
            <v>2005</v>
          </cell>
          <cell r="AU2662">
            <v>4</v>
          </cell>
        </row>
        <row r="2663">
          <cell r="C2663">
            <v>1.2419</v>
          </cell>
          <cell r="AT2663">
            <v>2005</v>
          </cell>
          <cell r="AU2663">
            <v>4</v>
          </cell>
        </row>
        <row r="2664">
          <cell r="C2664">
            <v>1.2419</v>
          </cell>
          <cell r="AT2664">
            <v>2005</v>
          </cell>
          <cell r="AU2664">
            <v>4</v>
          </cell>
        </row>
        <row r="2665">
          <cell r="C2665">
            <v>1.2419</v>
          </cell>
          <cell r="AT2665">
            <v>2005</v>
          </cell>
          <cell r="AU2665">
            <v>4</v>
          </cell>
        </row>
        <row r="2666">
          <cell r="C2666">
            <v>1.2481</v>
          </cell>
          <cell r="AT2666">
            <v>2005</v>
          </cell>
          <cell r="AU2666">
            <v>4</v>
          </cell>
        </row>
        <row r="2667">
          <cell r="C2667">
            <v>1.2410000000000001</v>
          </cell>
          <cell r="AT2667">
            <v>2005</v>
          </cell>
          <cell r="AU2667">
            <v>4</v>
          </cell>
        </row>
        <row r="2668">
          <cell r="C2668">
            <v>1.2393000000000001</v>
          </cell>
          <cell r="AT2668">
            <v>2005</v>
          </cell>
          <cell r="AU2668">
            <v>4</v>
          </cell>
        </row>
        <row r="2669">
          <cell r="C2669">
            <v>1.2391000000000001</v>
          </cell>
          <cell r="AT2669">
            <v>2005</v>
          </cell>
          <cell r="AU2669">
            <v>4</v>
          </cell>
        </row>
        <row r="2670">
          <cell r="C2670">
            <v>1.2342</v>
          </cell>
          <cell r="AT2670">
            <v>2005</v>
          </cell>
          <cell r="AU2670">
            <v>4</v>
          </cell>
        </row>
        <row r="2671">
          <cell r="C2671">
            <v>1.2342</v>
          </cell>
          <cell r="AT2671">
            <v>2005</v>
          </cell>
          <cell r="AU2671">
            <v>4</v>
          </cell>
        </row>
        <row r="2672">
          <cell r="C2672">
            <v>1.2342</v>
          </cell>
          <cell r="AT2672">
            <v>2005</v>
          </cell>
          <cell r="AU2672">
            <v>4</v>
          </cell>
        </row>
        <row r="2673">
          <cell r="C2673">
            <v>1.2375</v>
          </cell>
          <cell r="AT2673">
            <v>2005</v>
          </cell>
          <cell r="AU2673">
            <v>4</v>
          </cell>
        </row>
        <row r="2674">
          <cell r="C2674">
            <v>1.2464</v>
          </cell>
          <cell r="AT2674">
            <v>2005</v>
          </cell>
          <cell r="AU2674">
            <v>4</v>
          </cell>
        </row>
        <row r="2675">
          <cell r="C2675">
            <v>1.2465999999999999</v>
          </cell>
          <cell r="AT2675">
            <v>2005</v>
          </cell>
          <cell r="AU2675">
            <v>4</v>
          </cell>
        </row>
        <row r="2676">
          <cell r="C2676">
            <v>1.2507999999999999</v>
          </cell>
          <cell r="AT2676">
            <v>2005</v>
          </cell>
          <cell r="AU2676">
            <v>4</v>
          </cell>
        </row>
        <row r="2677">
          <cell r="C2677">
            <v>1.2568999999999999</v>
          </cell>
          <cell r="AT2677">
            <v>2005</v>
          </cell>
          <cell r="AU2677">
            <v>4</v>
          </cell>
        </row>
        <row r="2678">
          <cell r="C2678">
            <v>1.2568999999999999</v>
          </cell>
          <cell r="AT2678">
            <v>2005</v>
          </cell>
          <cell r="AU2678">
            <v>5</v>
          </cell>
        </row>
        <row r="2679">
          <cell r="C2679">
            <v>1.2568999999999999</v>
          </cell>
          <cell r="AT2679">
            <v>2005</v>
          </cell>
          <cell r="AU2679">
            <v>5</v>
          </cell>
        </row>
        <row r="2680">
          <cell r="C2680">
            <v>1.2555000000000001</v>
          </cell>
          <cell r="AT2680">
            <v>2005</v>
          </cell>
          <cell r="AU2680">
            <v>5</v>
          </cell>
        </row>
        <row r="2681">
          <cell r="C2681">
            <v>1.2546999999999999</v>
          </cell>
          <cell r="AT2681">
            <v>2005</v>
          </cell>
          <cell r="AU2681">
            <v>5</v>
          </cell>
        </row>
        <row r="2682">
          <cell r="C2682">
            <v>1.2505999999999999</v>
          </cell>
          <cell r="AT2682">
            <v>2005</v>
          </cell>
          <cell r="AU2682">
            <v>5</v>
          </cell>
        </row>
        <row r="2683">
          <cell r="C2683">
            <v>1.2448999999999999</v>
          </cell>
          <cell r="AT2683">
            <v>2005</v>
          </cell>
          <cell r="AU2683">
            <v>5</v>
          </cell>
        </row>
        <row r="2684">
          <cell r="C2684">
            <v>1.2432000000000001</v>
          </cell>
          <cell r="AT2684">
            <v>2005</v>
          </cell>
          <cell r="AU2684">
            <v>5</v>
          </cell>
        </row>
        <row r="2685">
          <cell r="C2685">
            <v>1.2432000000000001</v>
          </cell>
          <cell r="AT2685">
            <v>2005</v>
          </cell>
          <cell r="AU2685">
            <v>5</v>
          </cell>
        </row>
        <row r="2686">
          <cell r="C2686">
            <v>1.2432000000000001</v>
          </cell>
          <cell r="AT2686">
            <v>2005</v>
          </cell>
          <cell r="AU2686">
            <v>5</v>
          </cell>
        </row>
        <row r="2687">
          <cell r="C2687">
            <v>1.2378</v>
          </cell>
          <cell r="AT2687">
            <v>2005</v>
          </cell>
          <cell r="AU2687">
            <v>5</v>
          </cell>
        </row>
        <row r="2688">
          <cell r="C2688">
            <v>1.2372000000000001</v>
          </cell>
          <cell r="AT2688">
            <v>2005</v>
          </cell>
          <cell r="AU2688">
            <v>5</v>
          </cell>
        </row>
        <row r="2689">
          <cell r="C2689">
            <v>1.2475000000000001</v>
          </cell>
          <cell r="AT2689">
            <v>2005</v>
          </cell>
          <cell r="AU2689">
            <v>5</v>
          </cell>
        </row>
        <row r="2690">
          <cell r="C2690">
            <v>1.2494000000000001</v>
          </cell>
          <cell r="AT2690">
            <v>2005</v>
          </cell>
          <cell r="AU2690">
            <v>5</v>
          </cell>
        </row>
        <row r="2691">
          <cell r="C2691">
            <v>1.2624</v>
          </cell>
          <cell r="AT2691">
            <v>2005</v>
          </cell>
          <cell r="AU2691">
            <v>5</v>
          </cell>
        </row>
        <row r="2692">
          <cell r="C2692">
            <v>1.2624</v>
          </cell>
          <cell r="AT2692">
            <v>2005</v>
          </cell>
          <cell r="AU2692">
            <v>5</v>
          </cell>
        </row>
        <row r="2693">
          <cell r="C2693">
            <v>1.2624</v>
          </cell>
          <cell r="AT2693">
            <v>2005</v>
          </cell>
          <cell r="AU2693">
            <v>5</v>
          </cell>
        </row>
        <row r="2694">
          <cell r="C2694">
            <v>1.2704</v>
          </cell>
          <cell r="AT2694">
            <v>2005</v>
          </cell>
          <cell r="AU2694">
            <v>5</v>
          </cell>
        </row>
        <row r="2695">
          <cell r="C2695">
            <v>1.2665</v>
          </cell>
          <cell r="AT2695">
            <v>2005</v>
          </cell>
          <cell r="AU2695">
            <v>5</v>
          </cell>
        </row>
        <row r="2696">
          <cell r="C2696">
            <v>1.2618</v>
          </cell>
          <cell r="AT2696">
            <v>2005</v>
          </cell>
          <cell r="AU2696">
            <v>5</v>
          </cell>
        </row>
        <row r="2697">
          <cell r="C2697">
            <v>1.2623</v>
          </cell>
          <cell r="AT2697">
            <v>2005</v>
          </cell>
          <cell r="AU2697">
            <v>5</v>
          </cell>
        </row>
        <row r="2698">
          <cell r="C2698">
            <v>1.2630999999999999</v>
          </cell>
          <cell r="AT2698">
            <v>2005</v>
          </cell>
          <cell r="AU2698">
            <v>5</v>
          </cell>
        </row>
        <row r="2699">
          <cell r="C2699">
            <v>1.2630999999999999</v>
          </cell>
          <cell r="AT2699">
            <v>2005</v>
          </cell>
          <cell r="AU2699">
            <v>5</v>
          </cell>
        </row>
        <row r="2700">
          <cell r="C2700">
            <v>1.2630999999999999</v>
          </cell>
          <cell r="AT2700">
            <v>2005</v>
          </cell>
          <cell r="AU2700">
            <v>5</v>
          </cell>
        </row>
        <row r="2701">
          <cell r="C2701">
            <v>1.2630999999999999</v>
          </cell>
          <cell r="AT2701">
            <v>2005</v>
          </cell>
          <cell r="AU2701">
            <v>5</v>
          </cell>
        </row>
        <row r="2702">
          <cell r="C2702">
            <v>1.2611000000000001</v>
          </cell>
          <cell r="AT2702">
            <v>2005</v>
          </cell>
          <cell r="AU2702">
            <v>5</v>
          </cell>
        </row>
        <row r="2703">
          <cell r="C2703">
            <v>1.264</v>
          </cell>
          <cell r="AT2703">
            <v>2005</v>
          </cell>
          <cell r="AU2703">
            <v>5</v>
          </cell>
        </row>
        <row r="2704">
          <cell r="C2704">
            <v>1.2681</v>
          </cell>
          <cell r="AT2704">
            <v>2005</v>
          </cell>
          <cell r="AU2704">
            <v>5</v>
          </cell>
        </row>
        <row r="2705">
          <cell r="C2705">
            <v>1.2584</v>
          </cell>
          <cell r="AT2705">
            <v>2005</v>
          </cell>
          <cell r="AU2705">
            <v>5</v>
          </cell>
        </row>
        <row r="2706">
          <cell r="C2706">
            <v>1.2584</v>
          </cell>
          <cell r="AT2706">
            <v>2005</v>
          </cell>
          <cell r="AU2706">
            <v>5</v>
          </cell>
        </row>
        <row r="2707">
          <cell r="C2707">
            <v>1.2584</v>
          </cell>
          <cell r="AT2707">
            <v>2005</v>
          </cell>
          <cell r="AU2707">
            <v>5</v>
          </cell>
        </row>
        <row r="2708">
          <cell r="C2708">
            <v>1.2584</v>
          </cell>
          <cell r="AT2708">
            <v>2005</v>
          </cell>
          <cell r="AU2708">
            <v>5</v>
          </cell>
        </row>
        <row r="2709">
          <cell r="C2709">
            <v>1.2509999999999999</v>
          </cell>
          <cell r="AT2709">
            <v>2005</v>
          </cell>
          <cell r="AU2709">
            <v>6</v>
          </cell>
        </row>
        <row r="2710">
          <cell r="C2710">
            <v>1.2471000000000001</v>
          </cell>
          <cell r="AT2710">
            <v>2005</v>
          </cell>
          <cell r="AU2710">
            <v>6</v>
          </cell>
        </row>
        <row r="2711">
          <cell r="C2711">
            <v>1.2476</v>
          </cell>
          <cell r="AT2711">
            <v>2005</v>
          </cell>
          <cell r="AU2711">
            <v>6</v>
          </cell>
        </row>
        <row r="2712">
          <cell r="C2712">
            <v>1.2485999999999999</v>
          </cell>
          <cell r="AT2712">
            <v>2005</v>
          </cell>
          <cell r="AU2712">
            <v>6</v>
          </cell>
        </row>
        <row r="2713">
          <cell r="C2713">
            <v>1.2485999999999999</v>
          </cell>
          <cell r="AT2713">
            <v>2005</v>
          </cell>
          <cell r="AU2713">
            <v>6</v>
          </cell>
        </row>
        <row r="2714">
          <cell r="C2714">
            <v>1.2485999999999999</v>
          </cell>
          <cell r="AT2714">
            <v>2005</v>
          </cell>
          <cell r="AU2714">
            <v>6</v>
          </cell>
        </row>
        <row r="2715">
          <cell r="C2715">
            <v>1.2447999999999999</v>
          </cell>
          <cell r="AT2715">
            <v>2005</v>
          </cell>
          <cell r="AU2715">
            <v>6</v>
          </cell>
        </row>
        <row r="2716">
          <cell r="C2716">
            <v>1.2472000000000001</v>
          </cell>
          <cell r="AT2716">
            <v>2005</v>
          </cell>
          <cell r="AU2716">
            <v>6</v>
          </cell>
        </row>
        <row r="2717">
          <cell r="C2717">
            <v>1.244</v>
          </cell>
          <cell r="AT2717">
            <v>2005</v>
          </cell>
          <cell r="AU2717">
            <v>6</v>
          </cell>
        </row>
        <row r="2718">
          <cell r="C2718">
            <v>1.2549999999999999</v>
          </cell>
          <cell r="AT2718">
            <v>2005</v>
          </cell>
          <cell r="AU2718">
            <v>6</v>
          </cell>
        </row>
        <row r="2719">
          <cell r="C2719">
            <v>1.2493000000000001</v>
          </cell>
          <cell r="AT2719">
            <v>2005</v>
          </cell>
          <cell r="AU2719">
            <v>6</v>
          </cell>
        </row>
        <row r="2720">
          <cell r="C2720">
            <v>1.2493000000000001</v>
          </cell>
          <cell r="AT2720">
            <v>2005</v>
          </cell>
          <cell r="AU2720">
            <v>6</v>
          </cell>
        </row>
        <row r="2721">
          <cell r="C2721">
            <v>1.2493000000000001</v>
          </cell>
          <cell r="AT2721">
            <v>2005</v>
          </cell>
          <cell r="AU2721">
            <v>6</v>
          </cell>
        </row>
        <row r="2722">
          <cell r="C2722">
            <v>1.2577</v>
          </cell>
          <cell r="AT2722">
            <v>2005</v>
          </cell>
          <cell r="AU2722">
            <v>6</v>
          </cell>
        </row>
        <row r="2723">
          <cell r="C2723">
            <v>1.2554000000000001</v>
          </cell>
          <cell r="AT2723">
            <v>2005</v>
          </cell>
          <cell r="AU2723">
            <v>6</v>
          </cell>
        </row>
        <row r="2724">
          <cell r="C2724">
            <v>1.24</v>
          </cell>
          <cell r="AT2724">
            <v>2005</v>
          </cell>
          <cell r="AU2724">
            <v>6</v>
          </cell>
        </row>
        <row r="2725">
          <cell r="C2725">
            <v>1.2376</v>
          </cell>
          <cell r="AT2725">
            <v>2005</v>
          </cell>
          <cell r="AU2725">
            <v>6</v>
          </cell>
        </row>
        <row r="2726">
          <cell r="C2726">
            <v>1.2344999999999999</v>
          </cell>
          <cell r="AT2726">
            <v>2005</v>
          </cell>
          <cell r="AU2726">
            <v>6</v>
          </cell>
        </row>
        <row r="2727">
          <cell r="C2727">
            <v>1.2344999999999999</v>
          </cell>
          <cell r="AT2727">
            <v>2005</v>
          </cell>
          <cell r="AU2727">
            <v>6</v>
          </cell>
        </row>
        <row r="2728">
          <cell r="C2728">
            <v>1.2344999999999999</v>
          </cell>
          <cell r="AT2728">
            <v>2005</v>
          </cell>
          <cell r="AU2728">
            <v>6</v>
          </cell>
        </row>
        <row r="2729">
          <cell r="C2729">
            <v>1.232</v>
          </cell>
          <cell r="AT2729">
            <v>2005</v>
          </cell>
          <cell r="AU2729">
            <v>6</v>
          </cell>
        </row>
        <row r="2730">
          <cell r="C2730">
            <v>1.2307999999999999</v>
          </cell>
          <cell r="AT2730">
            <v>2005</v>
          </cell>
          <cell r="AU2730">
            <v>6</v>
          </cell>
        </row>
        <row r="2731">
          <cell r="C2731">
            <v>1.2355</v>
          </cell>
          <cell r="AT2731">
            <v>2005</v>
          </cell>
          <cell r="AU2731">
            <v>6</v>
          </cell>
        </row>
        <row r="2732">
          <cell r="C2732">
            <v>1.2311000000000001</v>
          </cell>
          <cell r="AT2732">
            <v>2005</v>
          </cell>
          <cell r="AU2732">
            <v>6</v>
          </cell>
        </row>
        <row r="2733">
          <cell r="C2733">
            <v>1.2325999999999999</v>
          </cell>
          <cell r="AT2733">
            <v>2005</v>
          </cell>
          <cell r="AU2733">
            <v>6</v>
          </cell>
        </row>
        <row r="2734">
          <cell r="C2734">
            <v>1.2325999999999999</v>
          </cell>
          <cell r="AT2734">
            <v>2005</v>
          </cell>
          <cell r="AU2734">
            <v>6</v>
          </cell>
        </row>
        <row r="2735">
          <cell r="C2735">
            <v>1.2325999999999999</v>
          </cell>
          <cell r="AT2735">
            <v>2005</v>
          </cell>
          <cell r="AU2735">
            <v>6</v>
          </cell>
        </row>
        <row r="2736">
          <cell r="C2736">
            <v>1.2307999999999999</v>
          </cell>
          <cell r="AT2736">
            <v>2005</v>
          </cell>
          <cell r="AU2736">
            <v>6</v>
          </cell>
        </row>
        <row r="2737">
          <cell r="C2737">
            <v>1.2312000000000001</v>
          </cell>
          <cell r="AT2737">
            <v>2005</v>
          </cell>
          <cell r="AU2737">
            <v>6</v>
          </cell>
        </row>
        <row r="2738">
          <cell r="C2738">
            <v>1.2262999999999999</v>
          </cell>
          <cell r="AT2738">
            <v>2005</v>
          </cell>
          <cell r="AU2738">
            <v>6</v>
          </cell>
        </row>
        <row r="2739">
          <cell r="C2739">
            <v>1.2256</v>
          </cell>
          <cell r="AT2739">
            <v>2005</v>
          </cell>
          <cell r="AU2739">
            <v>7</v>
          </cell>
        </row>
        <row r="2740">
          <cell r="C2740">
            <v>1.2256</v>
          </cell>
          <cell r="AT2740">
            <v>2005</v>
          </cell>
          <cell r="AU2740">
            <v>7</v>
          </cell>
        </row>
        <row r="2741">
          <cell r="C2741">
            <v>1.2256</v>
          </cell>
          <cell r="AT2741">
            <v>2005</v>
          </cell>
          <cell r="AU2741">
            <v>7</v>
          </cell>
        </row>
        <row r="2742">
          <cell r="C2742">
            <v>1.2256</v>
          </cell>
          <cell r="AT2742">
            <v>2005</v>
          </cell>
          <cell r="AU2742">
            <v>7</v>
          </cell>
        </row>
        <row r="2743">
          <cell r="C2743">
            <v>1.2256</v>
          </cell>
          <cell r="AT2743">
            <v>2005</v>
          </cell>
          <cell r="AU2743">
            <v>7</v>
          </cell>
        </row>
        <row r="2744">
          <cell r="C2744">
            <v>1.2432000000000001</v>
          </cell>
          <cell r="AT2744">
            <v>2005</v>
          </cell>
          <cell r="AU2744">
            <v>7</v>
          </cell>
        </row>
        <row r="2745">
          <cell r="C2745">
            <v>1.2362</v>
          </cell>
          <cell r="AT2745">
            <v>2005</v>
          </cell>
          <cell r="AU2745">
            <v>7</v>
          </cell>
        </row>
        <row r="2746">
          <cell r="C2746">
            <v>1.2286999999999999</v>
          </cell>
          <cell r="AT2746">
            <v>2005</v>
          </cell>
          <cell r="AU2746">
            <v>7</v>
          </cell>
        </row>
        <row r="2747">
          <cell r="C2747">
            <v>1.2208000000000001</v>
          </cell>
          <cell r="AT2747">
            <v>2005</v>
          </cell>
          <cell r="AU2747">
            <v>7</v>
          </cell>
        </row>
        <row r="2748">
          <cell r="C2748">
            <v>1.2208000000000001</v>
          </cell>
          <cell r="AT2748">
            <v>2005</v>
          </cell>
          <cell r="AU2748">
            <v>7</v>
          </cell>
        </row>
        <row r="2749">
          <cell r="C2749">
            <v>1.2208000000000001</v>
          </cell>
          <cell r="AT2749">
            <v>2005</v>
          </cell>
          <cell r="AU2749">
            <v>7</v>
          </cell>
        </row>
        <row r="2750">
          <cell r="C2750">
            <v>1.2114</v>
          </cell>
          <cell r="AT2750">
            <v>2005</v>
          </cell>
          <cell r="AU2750">
            <v>7</v>
          </cell>
        </row>
        <row r="2751">
          <cell r="C2751">
            <v>1.2051000000000001</v>
          </cell>
          <cell r="AT2751">
            <v>2005</v>
          </cell>
          <cell r="AU2751">
            <v>7</v>
          </cell>
        </row>
        <row r="2752">
          <cell r="C2752">
            <v>1.2072000000000001</v>
          </cell>
          <cell r="AT2752">
            <v>2005</v>
          </cell>
          <cell r="AU2752">
            <v>7</v>
          </cell>
        </row>
        <row r="2753">
          <cell r="C2753">
            <v>1.2073</v>
          </cell>
          <cell r="AT2753">
            <v>2005</v>
          </cell>
          <cell r="AU2753">
            <v>7</v>
          </cell>
        </row>
        <row r="2754">
          <cell r="C2754">
            <v>1.2205999999999999</v>
          </cell>
          <cell r="AT2754">
            <v>2005</v>
          </cell>
          <cell r="AU2754">
            <v>7</v>
          </cell>
        </row>
        <row r="2755">
          <cell r="C2755">
            <v>1.2205999999999999</v>
          </cell>
          <cell r="AT2755">
            <v>2005</v>
          </cell>
          <cell r="AU2755">
            <v>7</v>
          </cell>
        </row>
        <row r="2756">
          <cell r="C2756">
            <v>1.2205999999999999</v>
          </cell>
          <cell r="AT2756">
            <v>2005</v>
          </cell>
          <cell r="AU2756">
            <v>7</v>
          </cell>
        </row>
        <row r="2757">
          <cell r="C2757">
            <v>1.2150000000000001</v>
          </cell>
          <cell r="AT2757">
            <v>2005</v>
          </cell>
          <cell r="AU2757">
            <v>7</v>
          </cell>
        </row>
        <row r="2758">
          <cell r="C2758">
            <v>1.2189000000000001</v>
          </cell>
          <cell r="AT2758">
            <v>2005</v>
          </cell>
          <cell r="AU2758">
            <v>7</v>
          </cell>
        </row>
        <row r="2759">
          <cell r="C2759">
            <v>1.2219</v>
          </cell>
          <cell r="AT2759">
            <v>2005</v>
          </cell>
          <cell r="AU2759">
            <v>7</v>
          </cell>
        </row>
        <row r="2760">
          <cell r="C2760">
            <v>1.2178</v>
          </cell>
          <cell r="AT2760">
            <v>2005</v>
          </cell>
          <cell r="AU2760">
            <v>7</v>
          </cell>
        </row>
        <row r="2761">
          <cell r="C2761">
            <v>1.2179</v>
          </cell>
          <cell r="AT2761">
            <v>2005</v>
          </cell>
          <cell r="AU2761">
            <v>7</v>
          </cell>
        </row>
        <row r="2762">
          <cell r="C2762">
            <v>1.2179</v>
          </cell>
          <cell r="AT2762">
            <v>2005</v>
          </cell>
          <cell r="AU2762">
            <v>7</v>
          </cell>
        </row>
        <row r="2763">
          <cell r="C2763">
            <v>1.2179</v>
          </cell>
          <cell r="AT2763">
            <v>2005</v>
          </cell>
          <cell r="AU2763">
            <v>7</v>
          </cell>
        </row>
        <row r="2764">
          <cell r="C2764">
            <v>1.2191000000000001</v>
          </cell>
          <cell r="AT2764">
            <v>2005</v>
          </cell>
          <cell r="AU2764">
            <v>7</v>
          </cell>
        </row>
        <row r="2765">
          <cell r="C2765">
            <v>1.2296</v>
          </cell>
          <cell r="AT2765">
            <v>2005</v>
          </cell>
          <cell r="AU2765">
            <v>7</v>
          </cell>
        </row>
        <row r="2766">
          <cell r="C2766">
            <v>1.2342</v>
          </cell>
          <cell r="AT2766">
            <v>2005</v>
          </cell>
          <cell r="AU2766">
            <v>7</v>
          </cell>
        </row>
        <row r="2767">
          <cell r="C2767">
            <v>1.234</v>
          </cell>
          <cell r="AT2767">
            <v>2005</v>
          </cell>
          <cell r="AU2767">
            <v>7</v>
          </cell>
        </row>
        <row r="2768">
          <cell r="C2768">
            <v>1.2259</v>
          </cell>
          <cell r="AT2768">
            <v>2005</v>
          </cell>
          <cell r="AU2768">
            <v>7</v>
          </cell>
        </row>
        <row r="2769">
          <cell r="C2769">
            <v>1.2259</v>
          </cell>
          <cell r="AT2769">
            <v>2005</v>
          </cell>
          <cell r="AU2769">
            <v>7</v>
          </cell>
        </row>
        <row r="2770">
          <cell r="C2770">
            <v>1.2259</v>
          </cell>
          <cell r="AT2770">
            <v>2005</v>
          </cell>
          <cell r="AU2770">
            <v>8</v>
          </cell>
        </row>
        <row r="2771">
          <cell r="C2771">
            <v>1.2259</v>
          </cell>
          <cell r="AT2771">
            <v>2005</v>
          </cell>
          <cell r="AU2771">
            <v>8</v>
          </cell>
        </row>
        <row r="2772">
          <cell r="C2772">
            <v>1.2124999999999999</v>
          </cell>
          <cell r="AT2772">
            <v>2005</v>
          </cell>
          <cell r="AU2772">
            <v>8</v>
          </cell>
        </row>
        <row r="2773">
          <cell r="C2773">
            <v>1.2129000000000001</v>
          </cell>
          <cell r="AT2773">
            <v>2005</v>
          </cell>
          <cell r="AU2773">
            <v>8</v>
          </cell>
        </row>
        <row r="2774">
          <cell r="C2774">
            <v>1.212</v>
          </cell>
          <cell r="AT2774">
            <v>2005</v>
          </cell>
          <cell r="AU2774">
            <v>8</v>
          </cell>
        </row>
        <row r="2775">
          <cell r="C2775">
            <v>1.2186999999999999</v>
          </cell>
          <cell r="AT2775">
            <v>2005</v>
          </cell>
          <cell r="AU2775">
            <v>8</v>
          </cell>
        </row>
        <row r="2776">
          <cell r="C2776">
            <v>1.2186999999999999</v>
          </cell>
          <cell r="AT2776">
            <v>2005</v>
          </cell>
          <cell r="AU2776">
            <v>8</v>
          </cell>
        </row>
        <row r="2777">
          <cell r="C2777">
            <v>1.2186999999999999</v>
          </cell>
          <cell r="AT2777">
            <v>2005</v>
          </cell>
          <cell r="AU2777">
            <v>8</v>
          </cell>
        </row>
        <row r="2778">
          <cell r="C2778">
            <v>1.2132000000000001</v>
          </cell>
          <cell r="AT2778">
            <v>2005</v>
          </cell>
          <cell r="AU2778">
            <v>8</v>
          </cell>
        </row>
        <row r="2779">
          <cell r="C2779">
            <v>1.2141999999999999</v>
          </cell>
          <cell r="AT2779">
            <v>2005</v>
          </cell>
          <cell r="AU2779">
            <v>8</v>
          </cell>
        </row>
        <row r="2780">
          <cell r="C2780">
            <v>1.2115</v>
          </cell>
          <cell r="AT2780">
            <v>2005</v>
          </cell>
          <cell r="AU2780">
            <v>8</v>
          </cell>
        </row>
        <row r="2781">
          <cell r="C2781">
            <v>1.2025999999999999</v>
          </cell>
          <cell r="AT2781">
            <v>2005</v>
          </cell>
          <cell r="AU2781">
            <v>8</v>
          </cell>
        </row>
        <row r="2782">
          <cell r="C2782">
            <v>1.1947000000000001</v>
          </cell>
          <cell r="AT2782">
            <v>2005</v>
          </cell>
          <cell r="AU2782">
            <v>8</v>
          </cell>
        </row>
        <row r="2783">
          <cell r="C2783">
            <v>1.1947000000000001</v>
          </cell>
          <cell r="AT2783">
            <v>2005</v>
          </cell>
          <cell r="AU2783">
            <v>8</v>
          </cell>
        </row>
        <row r="2784">
          <cell r="C2784">
            <v>1.1947000000000001</v>
          </cell>
          <cell r="AT2784">
            <v>2005</v>
          </cell>
          <cell r="AU2784">
            <v>8</v>
          </cell>
        </row>
        <row r="2785">
          <cell r="C2785">
            <v>1.1970000000000001</v>
          </cell>
          <cell r="AT2785">
            <v>2005</v>
          </cell>
          <cell r="AU2785">
            <v>8</v>
          </cell>
        </row>
        <row r="2786">
          <cell r="C2786">
            <v>1.198</v>
          </cell>
          <cell r="AT2786">
            <v>2005</v>
          </cell>
          <cell r="AU2786">
            <v>8</v>
          </cell>
        </row>
        <row r="2787">
          <cell r="C2787">
            <v>1.2076</v>
          </cell>
          <cell r="AT2787">
            <v>2005</v>
          </cell>
          <cell r="AU2787">
            <v>8</v>
          </cell>
        </row>
        <row r="2788">
          <cell r="C2788">
            <v>1.2181999999999999</v>
          </cell>
          <cell r="AT2788">
            <v>2005</v>
          </cell>
          <cell r="AU2788">
            <v>8</v>
          </cell>
        </row>
        <row r="2789">
          <cell r="C2789">
            <v>1.2139</v>
          </cell>
          <cell r="AT2789">
            <v>2005</v>
          </cell>
          <cell r="AU2789">
            <v>8</v>
          </cell>
        </row>
        <row r="2790">
          <cell r="C2790">
            <v>1.2139</v>
          </cell>
          <cell r="AT2790">
            <v>2005</v>
          </cell>
          <cell r="AU2790">
            <v>8</v>
          </cell>
        </row>
        <row r="2791">
          <cell r="C2791">
            <v>1.2139</v>
          </cell>
          <cell r="AT2791">
            <v>2005</v>
          </cell>
          <cell r="AU2791">
            <v>8</v>
          </cell>
        </row>
        <row r="2792">
          <cell r="C2792">
            <v>1.2040999999999999</v>
          </cell>
          <cell r="AT2792">
            <v>2005</v>
          </cell>
          <cell r="AU2792">
            <v>8</v>
          </cell>
        </row>
        <row r="2793">
          <cell r="C2793">
            <v>1.1983999999999999</v>
          </cell>
          <cell r="AT2793">
            <v>2005</v>
          </cell>
          <cell r="AU2793">
            <v>8</v>
          </cell>
        </row>
        <row r="2794">
          <cell r="C2794">
            <v>1.1958</v>
          </cell>
          <cell r="AT2794">
            <v>2005</v>
          </cell>
          <cell r="AU2794">
            <v>8</v>
          </cell>
        </row>
        <row r="2795">
          <cell r="C2795">
            <v>1.1892</v>
          </cell>
          <cell r="AT2795">
            <v>2005</v>
          </cell>
          <cell r="AU2795">
            <v>8</v>
          </cell>
        </row>
        <row r="2796">
          <cell r="C2796">
            <v>1.1957</v>
          </cell>
          <cell r="AT2796">
            <v>2005</v>
          </cell>
          <cell r="AU2796">
            <v>8</v>
          </cell>
        </row>
        <row r="2797">
          <cell r="C2797">
            <v>1.1957</v>
          </cell>
          <cell r="AT2797">
            <v>2005</v>
          </cell>
          <cell r="AU2797">
            <v>8</v>
          </cell>
        </row>
        <row r="2798">
          <cell r="C2798">
            <v>1.1957</v>
          </cell>
          <cell r="AT2798">
            <v>2005</v>
          </cell>
          <cell r="AU2798">
            <v>8</v>
          </cell>
        </row>
        <row r="2799">
          <cell r="C2799">
            <v>1.1970000000000001</v>
          </cell>
          <cell r="AT2799">
            <v>2005</v>
          </cell>
          <cell r="AU2799">
            <v>8</v>
          </cell>
        </row>
        <row r="2800">
          <cell r="C2800">
            <v>1.1923999999999999</v>
          </cell>
          <cell r="AT2800">
            <v>2005</v>
          </cell>
          <cell r="AU2800">
            <v>8</v>
          </cell>
        </row>
        <row r="2801">
          <cell r="C2801">
            <v>1.1889000000000001</v>
          </cell>
          <cell r="AT2801">
            <v>2005</v>
          </cell>
          <cell r="AU2801">
            <v>9</v>
          </cell>
        </row>
        <row r="2802">
          <cell r="C2802">
            <v>1.1849000000000001</v>
          </cell>
          <cell r="AT2802">
            <v>2005</v>
          </cell>
          <cell r="AU2802">
            <v>9</v>
          </cell>
        </row>
        <row r="2803">
          <cell r="C2803">
            <v>1.1881999999999999</v>
          </cell>
          <cell r="AT2803">
            <v>2005</v>
          </cell>
          <cell r="AU2803">
            <v>9</v>
          </cell>
        </row>
        <row r="2804">
          <cell r="C2804">
            <v>1.1881999999999999</v>
          </cell>
          <cell r="AT2804">
            <v>2005</v>
          </cell>
          <cell r="AU2804">
            <v>9</v>
          </cell>
        </row>
        <row r="2805">
          <cell r="C2805">
            <v>1.1881999999999999</v>
          </cell>
          <cell r="AT2805">
            <v>2005</v>
          </cell>
          <cell r="AU2805">
            <v>9</v>
          </cell>
        </row>
        <row r="2806">
          <cell r="C2806">
            <v>1.1881999999999999</v>
          </cell>
          <cell r="AT2806">
            <v>2005</v>
          </cell>
          <cell r="AU2806">
            <v>9</v>
          </cell>
        </row>
        <row r="2807">
          <cell r="C2807">
            <v>1.1870000000000001</v>
          </cell>
          <cell r="AT2807">
            <v>2005</v>
          </cell>
          <cell r="AU2807">
            <v>9</v>
          </cell>
        </row>
        <row r="2808">
          <cell r="C2808">
            <v>1.1862999999999999</v>
          </cell>
          <cell r="AT2808">
            <v>2005</v>
          </cell>
          <cell r="AU2808">
            <v>9</v>
          </cell>
        </row>
        <row r="2809">
          <cell r="C2809">
            <v>1.1823999999999999</v>
          </cell>
          <cell r="AT2809">
            <v>2005</v>
          </cell>
          <cell r="AU2809">
            <v>9</v>
          </cell>
        </row>
        <row r="2810">
          <cell r="C2810">
            <v>1.1760999999999999</v>
          </cell>
          <cell r="AT2810">
            <v>2005</v>
          </cell>
          <cell r="AU2810">
            <v>9</v>
          </cell>
        </row>
        <row r="2811">
          <cell r="C2811">
            <v>1.1760999999999999</v>
          </cell>
          <cell r="AT2811">
            <v>2005</v>
          </cell>
          <cell r="AU2811">
            <v>9</v>
          </cell>
        </row>
        <row r="2812">
          <cell r="C2812">
            <v>1.1760999999999999</v>
          </cell>
          <cell r="AT2812">
            <v>2005</v>
          </cell>
          <cell r="AU2812">
            <v>9</v>
          </cell>
        </row>
        <row r="2813">
          <cell r="C2813">
            <v>1.1853</v>
          </cell>
          <cell r="AT2813">
            <v>2005</v>
          </cell>
          <cell r="AU2813">
            <v>9</v>
          </cell>
        </row>
        <row r="2814">
          <cell r="C2814">
            <v>1.1801999999999999</v>
          </cell>
          <cell r="AT2814">
            <v>2005</v>
          </cell>
          <cell r="AU2814">
            <v>9</v>
          </cell>
        </row>
        <row r="2815">
          <cell r="C2815">
            <v>1.1821999999999999</v>
          </cell>
          <cell r="AT2815">
            <v>2005</v>
          </cell>
          <cell r="AU2815">
            <v>9</v>
          </cell>
        </row>
        <row r="2816">
          <cell r="C2816">
            <v>1.1857</v>
          </cell>
          <cell r="AT2816">
            <v>2005</v>
          </cell>
          <cell r="AU2816">
            <v>9</v>
          </cell>
        </row>
        <row r="2817">
          <cell r="C2817">
            <v>1.1830000000000001</v>
          </cell>
          <cell r="AT2817">
            <v>2005</v>
          </cell>
          <cell r="AU2817">
            <v>9</v>
          </cell>
        </row>
        <row r="2818">
          <cell r="C2818">
            <v>1.1830000000000001</v>
          </cell>
          <cell r="AT2818">
            <v>2005</v>
          </cell>
          <cell r="AU2818">
            <v>9</v>
          </cell>
        </row>
        <row r="2819">
          <cell r="C2819">
            <v>1.1830000000000001</v>
          </cell>
          <cell r="AT2819">
            <v>2005</v>
          </cell>
          <cell r="AU2819">
            <v>9</v>
          </cell>
        </row>
        <row r="2820">
          <cell r="C2820">
            <v>1.1694</v>
          </cell>
          <cell r="AT2820">
            <v>2005</v>
          </cell>
          <cell r="AU2820">
            <v>9</v>
          </cell>
        </row>
        <row r="2821">
          <cell r="C2821">
            <v>1.1702999999999999</v>
          </cell>
          <cell r="AT2821">
            <v>2005</v>
          </cell>
          <cell r="AU2821">
            <v>9</v>
          </cell>
        </row>
        <row r="2822">
          <cell r="C2822">
            <v>1.1693</v>
          </cell>
          <cell r="AT2822">
            <v>2005</v>
          </cell>
          <cell r="AU2822">
            <v>9</v>
          </cell>
        </row>
        <row r="2823">
          <cell r="C2823">
            <v>1.1672</v>
          </cell>
          <cell r="AT2823">
            <v>2005</v>
          </cell>
          <cell r="AU2823">
            <v>9</v>
          </cell>
        </row>
        <row r="2824">
          <cell r="C2824">
            <v>1.171</v>
          </cell>
          <cell r="AT2824">
            <v>2005</v>
          </cell>
          <cell r="AU2824">
            <v>9</v>
          </cell>
        </row>
        <row r="2825">
          <cell r="C2825">
            <v>1.171</v>
          </cell>
          <cell r="AT2825">
            <v>2005</v>
          </cell>
          <cell r="AU2825">
            <v>9</v>
          </cell>
        </row>
        <row r="2826">
          <cell r="C2826">
            <v>1.171</v>
          </cell>
          <cell r="AT2826">
            <v>2005</v>
          </cell>
          <cell r="AU2826">
            <v>9</v>
          </cell>
        </row>
        <row r="2827">
          <cell r="C2827">
            <v>1.1707000000000001</v>
          </cell>
          <cell r="AT2827">
            <v>2005</v>
          </cell>
          <cell r="AU2827">
            <v>9</v>
          </cell>
        </row>
        <row r="2828">
          <cell r="C2828">
            <v>1.1780999999999999</v>
          </cell>
          <cell r="AT2828">
            <v>2005</v>
          </cell>
          <cell r="AU2828">
            <v>9</v>
          </cell>
        </row>
        <row r="2829">
          <cell r="C2829">
            <v>1.1785000000000001</v>
          </cell>
          <cell r="AT2829">
            <v>2005</v>
          </cell>
          <cell r="AU2829">
            <v>9</v>
          </cell>
        </row>
        <row r="2830">
          <cell r="C2830">
            <v>1.1725000000000001</v>
          </cell>
          <cell r="AT2830">
            <v>2005</v>
          </cell>
          <cell r="AU2830">
            <v>9</v>
          </cell>
        </row>
        <row r="2831">
          <cell r="C2831">
            <v>1.1611</v>
          </cell>
          <cell r="AT2831">
            <v>2005</v>
          </cell>
          <cell r="AU2831">
            <v>10</v>
          </cell>
        </row>
        <row r="2832">
          <cell r="C2832">
            <v>1.1611</v>
          </cell>
          <cell r="AT2832">
            <v>2005</v>
          </cell>
          <cell r="AU2832">
            <v>10</v>
          </cell>
        </row>
        <row r="2833">
          <cell r="C2833">
            <v>1.1611</v>
          </cell>
          <cell r="AT2833">
            <v>2005</v>
          </cell>
          <cell r="AU2833">
            <v>10</v>
          </cell>
        </row>
        <row r="2834">
          <cell r="C2834">
            <v>1.1658999999999999</v>
          </cell>
          <cell r="AT2834">
            <v>2005</v>
          </cell>
          <cell r="AU2834">
            <v>10</v>
          </cell>
        </row>
        <row r="2835">
          <cell r="C2835">
            <v>1.1720999999999999</v>
          </cell>
          <cell r="AT2835">
            <v>2005</v>
          </cell>
          <cell r="AU2835">
            <v>10</v>
          </cell>
        </row>
        <row r="2836">
          <cell r="C2836">
            <v>1.1795</v>
          </cell>
          <cell r="AT2836">
            <v>2005</v>
          </cell>
          <cell r="AU2836">
            <v>10</v>
          </cell>
        </row>
        <row r="2837">
          <cell r="C2837">
            <v>1.1821999999999999</v>
          </cell>
          <cell r="AT2837">
            <v>2005</v>
          </cell>
          <cell r="AU2837">
            <v>10</v>
          </cell>
        </row>
        <row r="2838">
          <cell r="C2838">
            <v>1.1748000000000001</v>
          </cell>
          <cell r="AT2838">
            <v>2005</v>
          </cell>
          <cell r="AU2838">
            <v>10</v>
          </cell>
        </row>
        <row r="2839">
          <cell r="C2839">
            <v>1.1748000000000001</v>
          </cell>
          <cell r="AT2839">
            <v>2005</v>
          </cell>
          <cell r="AU2839">
            <v>10</v>
          </cell>
        </row>
        <row r="2840">
          <cell r="C2840">
            <v>1.1748000000000001</v>
          </cell>
          <cell r="AT2840">
            <v>2005</v>
          </cell>
          <cell r="AU2840">
            <v>10</v>
          </cell>
        </row>
        <row r="2841">
          <cell r="C2841">
            <v>1.1748000000000001</v>
          </cell>
          <cell r="AT2841">
            <v>2005</v>
          </cell>
          <cell r="AU2841">
            <v>10</v>
          </cell>
        </row>
        <row r="2842">
          <cell r="C2842">
            <v>1.1755</v>
          </cell>
          <cell r="AT2842">
            <v>2005</v>
          </cell>
          <cell r="AU2842">
            <v>10</v>
          </cell>
        </row>
        <row r="2843">
          <cell r="C2843">
            <v>1.1707000000000001</v>
          </cell>
          <cell r="AT2843">
            <v>2005</v>
          </cell>
          <cell r="AU2843">
            <v>10</v>
          </cell>
        </row>
        <row r="2844">
          <cell r="C2844">
            <v>1.1837</v>
          </cell>
          <cell r="AT2844">
            <v>2005</v>
          </cell>
          <cell r="AU2844">
            <v>10</v>
          </cell>
        </row>
        <row r="2845">
          <cell r="C2845">
            <v>1.1856</v>
          </cell>
          <cell r="AT2845">
            <v>2005</v>
          </cell>
          <cell r="AU2845">
            <v>10</v>
          </cell>
        </row>
        <row r="2846">
          <cell r="C2846">
            <v>1.1856</v>
          </cell>
          <cell r="AT2846">
            <v>2005</v>
          </cell>
          <cell r="AU2846">
            <v>10</v>
          </cell>
        </row>
        <row r="2847">
          <cell r="C2847">
            <v>1.1856</v>
          </cell>
          <cell r="AT2847">
            <v>2005</v>
          </cell>
          <cell r="AU2847">
            <v>10</v>
          </cell>
        </row>
        <row r="2848">
          <cell r="C2848">
            <v>1.1798999999999999</v>
          </cell>
          <cell r="AT2848">
            <v>2005</v>
          </cell>
          <cell r="AU2848">
            <v>10</v>
          </cell>
        </row>
        <row r="2849">
          <cell r="C2849">
            <v>1.1796</v>
          </cell>
          <cell r="AT2849">
            <v>2005</v>
          </cell>
          <cell r="AU2849">
            <v>10</v>
          </cell>
        </row>
        <row r="2850">
          <cell r="C2850">
            <v>1.1777</v>
          </cell>
          <cell r="AT2850">
            <v>2005</v>
          </cell>
          <cell r="AU2850">
            <v>10</v>
          </cell>
        </row>
        <row r="2851">
          <cell r="C2851">
            <v>1.1767000000000001</v>
          </cell>
          <cell r="AT2851">
            <v>2005</v>
          </cell>
          <cell r="AU2851">
            <v>10</v>
          </cell>
        </row>
        <row r="2852">
          <cell r="C2852">
            <v>1.1847000000000001</v>
          </cell>
          <cell r="AT2852">
            <v>2005</v>
          </cell>
          <cell r="AU2852">
            <v>10</v>
          </cell>
        </row>
        <row r="2853">
          <cell r="C2853">
            <v>1.1847000000000001</v>
          </cell>
          <cell r="AT2853">
            <v>2005</v>
          </cell>
          <cell r="AU2853">
            <v>10</v>
          </cell>
        </row>
        <row r="2854">
          <cell r="C2854">
            <v>1.1847000000000001</v>
          </cell>
          <cell r="AT2854">
            <v>2005</v>
          </cell>
          <cell r="AU2854">
            <v>10</v>
          </cell>
        </row>
        <row r="2855">
          <cell r="C2855">
            <v>1.1887000000000001</v>
          </cell>
          <cell r="AT2855">
            <v>2005</v>
          </cell>
          <cell r="AU2855">
            <v>10</v>
          </cell>
        </row>
        <row r="2856">
          <cell r="C2856">
            <v>1.177</v>
          </cell>
          <cell r="AT2856">
            <v>2005</v>
          </cell>
          <cell r="AU2856">
            <v>10</v>
          </cell>
        </row>
        <row r="2857">
          <cell r="C2857">
            <v>1.1702999999999999</v>
          </cell>
          <cell r="AT2857">
            <v>2005</v>
          </cell>
          <cell r="AU2857">
            <v>10</v>
          </cell>
        </row>
        <row r="2858">
          <cell r="C2858">
            <v>1.1697</v>
          </cell>
          <cell r="AT2858">
            <v>2005</v>
          </cell>
          <cell r="AU2858">
            <v>10</v>
          </cell>
        </row>
        <row r="2859">
          <cell r="C2859">
            <v>1.1771</v>
          </cell>
          <cell r="AT2859">
            <v>2005</v>
          </cell>
          <cell r="AU2859">
            <v>10</v>
          </cell>
        </row>
        <row r="2860">
          <cell r="C2860">
            <v>1.1771</v>
          </cell>
          <cell r="AT2860">
            <v>2005</v>
          </cell>
          <cell r="AU2860">
            <v>10</v>
          </cell>
        </row>
        <row r="2861">
          <cell r="C2861">
            <v>1.1771</v>
          </cell>
          <cell r="AT2861">
            <v>2005</v>
          </cell>
          <cell r="AU2861">
            <v>10</v>
          </cell>
        </row>
        <row r="2862">
          <cell r="C2862">
            <v>1.1800999999999999</v>
          </cell>
          <cell r="AT2862">
            <v>2005</v>
          </cell>
          <cell r="AU2862">
            <v>11</v>
          </cell>
        </row>
        <row r="2863">
          <cell r="C2863">
            <v>1.1767000000000001</v>
          </cell>
          <cell r="AT2863">
            <v>2005</v>
          </cell>
          <cell r="AU2863">
            <v>11</v>
          </cell>
        </row>
        <row r="2864">
          <cell r="C2864">
            <v>1.1801999999999999</v>
          </cell>
          <cell r="AT2864">
            <v>2005</v>
          </cell>
          <cell r="AU2864">
            <v>11</v>
          </cell>
        </row>
        <row r="2865">
          <cell r="C2865">
            <v>1.1818</v>
          </cell>
          <cell r="AT2865">
            <v>2005</v>
          </cell>
          <cell r="AU2865">
            <v>11</v>
          </cell>
        </row>
        <row r="2866">
          <cell r="C2866">
            <v>1.1811</v>
          </cell>
          <cell r="AT2866">
            <v>2005</v>
          </cell>
          <cell r="AU2866">
            <v>11</v>
          </cell>
        </row>
        <row r="2867">
          <cell r="C2867">
            <v>1.1811</v>
          </cell>
          <cell r="AT2867">
            <v>2005</v>
          </cell>
          <cell r="AU2867">
            <v>11</v>
          </cell>
        </row>
        <row r="2868">
          <cell r="C2868">
            <v>1.1811</v>
          </cell>
          <cell r="AT2868">
            <v>2005</v>
          </cell>
          <cell r="AU2868">
            <v>11</v>
          </cell>
        </row>
        <row r="2869">
          <cell r="C2869">
            <v>1.1900999999999999</v>
          </cell>
          <cell r="AT2869">
            <v>2005</v>
          </cell>
          <cell r="AU2869">
            <v>11</v>
          </cell>
        </row>
        <row r="2870">
          <cell r="C2870">
            <v>1.1886000000000001</v>
          </cell>
          <cell r="AT2870">
            <v>2005</v>
          </cell>
          <cell r="AU2870">
            <v>11</v>
          </cell>
        </row>
        <row r="2871">
          <cell r="C2871">
            <v>1.1859999999999999</v>
          </cell>
          <cell r="AT2871">
            <v>2005</v>
          </cell>
          <cell r="AU2871">
            <v>11</v>
          </cell>
        </row>
        <row r="2872">
          <cell r="C2872">
            <v>1.1877</v>
          </cell>
          <cell r="AT2872">
            <v>2005</v>
          </cell>
          <cell r="AU2872">
            <v>11</v>
          </cell>
        </row>
        <row r="2873">
          <cell r="C2873">
            <v>1.1877</v>
          </cell>
          <cell r="AT2873">
            <v>2005</v>
          </cell>
          <cell r="AU2873">
            <v>11</v>
          </cell>
        </row>
        <row r="2874">
          <cell r="C2874">
            <v>1.1877</v>
          </cell>
          <cell r="AT2874">
            <v>2005</v>
          </cell>
          <cell r="AU2874">
            <v>11</v>
          </cell>
        </row>
        <row r="2875">
          <cell r="C2875">
            <v>1.1877</v>
          </cell>
          <cell r="AT2875">
            <v>2005</v>
          </cell>
          <cell r="AU2875">
            <v>11</v>
          </cell>
        </row>
        <row r="2876">
          <cell r="C2876">
            <v>1.1960999999999999</v>
          </cell>
          <cell r="AT2876">
            <v>2005</v>
          </cell>
          <cell r="AU2876">
            <v>11</v>
          </cell>
        </row>
        <row r="2877">
          <cell r="C2877">
            <v>1.194</v>
          </cell>
          <cell r="AT2877">
            <v>2005</v>
          </cell>
          <cell r="AU2877">
            <v>11</v>
          </cell>
        </row>
        <row r="2878">
          <cell r="C2878">
            <v>1.1918</v>
          </cell>
          <cell r="AT2878">
            <v>2005</v>
          </cell>
          <cell r="AU2878">
            <v>11</v>
          </cell>
        </row>
        <row r="2879">
          <cell r="C2879">
            <v>1.1862999999999999</v>
          </cell>
          <cell r="AT2879">
            <v>2005</v>
          </cell>
          <cell r="AU2879">
            <v>11</v>
          </cell>
        </row>
        <row r="2880">
          <cell r="C2880">
            <v>1.1901999999999999</v>
          </cell>
          <cell r="AT2880">
            <v>2005</v>
          </cell>
          <cell r="AU2880">
            <v>11</v>
          </cell>
        </row>
        <row r="2881">
          <cell r="C2881">
            <v>1.1901999999999999</v>
          </cell>
          <cell r="AT2881">
            <v>2005</v>
          </cell>
          <cell r="AU2881">
            <v>11</v>
          </cell>
        </row>
        <row r="2882">
          <cell r="C2882">
            <v>1.1901999999999999</v>
          </cell>
          <cell r="AT2882">
            <v>2005</v>
          </cell>
          <cell r="AU2882">
            <v>11</v>
          </cell>
        </row>
        <row r="2883">
          <cell r="C2883">
            <v>1.1819999999999999</v>
          </cell>
          <cell r="AT2883">
            <v>2005</v>
          </cell>
          <cell r="AU2883">
            <v>11</v>
          </cell>
        </row>
        <row r="2884">
          <cell r="C2884">
            <v>1.1771</v>
          </cell>
          <cell r="AT2884">
            <v>2005</v>
          </cell>
          <cell r="AU2884">
            <v>11</v>
          </cell>
        </row>
        <row r="2885">
          <cell r="C2885">
            <v>1.1718999999999999</v>
          </cell>
          <cell r="AT2885">
            <v>2005</v>
          </cell>
          <cell r="AU2885">
            <v>11</v>
          </cell>
        </row>
        <row r="2886">
          <cell r="C2886">
            <v>1.1718999999999999</v>
          </cell>
          <cell r="AT2886">
            <v>2005</v>
          </cell>
          <cell r="AU2886">
            <v>11</v>
          </cell>
        </row>
        <row r="2887">
          <cell r="C2887">
            <v>1.1718999999999999</v>
          </cell>
          <cell r="AT2887">
            <v>2005</v>
          </cell>
          <cell r="AU2887">
            <v>11</v>
          </cell>
        </row>
        <row r="2888">
          <cell r="C2888">
            <v>1.1718999999999999</v>
          </cell>
          <cell r="AT2888">
            <v>2005</v>
          </cell>
          <cell r="AU2888">
            <v>11</v>
          </cell>
        </row>
        <row r="2889">
          <cell r="C2889">
            <v>1.1718999999999999</v>
          </cell>
          <cell r="AT2889">
            <v>2005</v>
          </cell>
          <cell r="AU2889">
            <v>11</v>
          </cell>
        </row>
        <row r="2890">
          <cell r="C2890">
            <v>1.1657</v>
          </cell>
          <cell r="AT2890">
            <v>2005</v>
          </cell>
          <cell r="AU2890">
            <v>11</v>
          </cell>
        </row>
        <row r="2891">
          <cell r="C2891">
            <v>1.1673</v>
          </cell>
          <cell r="AT2891">
            <v>2005</v>
          </cell>
          <cell r="AU2891">
            <v>11</v>
          </cell>
        </row>
        <row r="2892">
          <cell r="C2892">
            <v>1.1674</v>
          </cell>
          <cell r="AT2892">
            <v>2005</v>
          </cell>
          <cell r="AU2892">
            <v>12</v>
          </cell>
        </row>
        <row r="2893">
          <cell r="C2893">
            <v>1.1687000000000001</v>
          </cell>
          <cell r="AT2893">
            <v>2005</v>
          </cell>
          <cell r="AU2893">
            <v>12</v>
          </cell>
        </row>
        <row r="2894">
          <cell r="C2894">
            <v>1.1627000000000001</v>
          </cell>
          <cell r="AT2894">
            <v>2005</v>
          </cell>
          <cell r="AU2894">
            <v>12</v>
          </cell>
        </row>
        <row r="2895">
          <cell r="C2895">
            <v>1.1627000000000001</v>
          </cell>
          <cell r="AT2895">
            <v>2005</v>
          </cell>
          <cell r="AU2895">
            <v>12</v>
          </cell>
        </row>
        <row r="2896">
          <cell r="C2896">
            <v>1.1627000000000001</v>
          </cell>
          <cell r="AT2896">
            <v>2005</v>
          </cell>
          <cell r="AU2896">
            <v>12</v>
          </cell>
        </row>
        <row r="2897">
          <cell r="C2897">
            <v>1.1567000000000001</v>
          </cell>
          <cell r="AT2897">
            <v>2005</v>
          </cell>
          <cell r="AU2897">
            <v>12</v>
          </cell>
        </row>
        <row r="2898">
          <cell r="C2898">
            <v>1.1561999999999999</v>
          </cell>
          <cell r="AT2898">
            <v>2005</v>
          </cell>
          <cell r="AU2898">
            <v>12</v>
          </cell>
        </row>
        <row r="2899">
          <cell r="C2899">
            <v>1.1581999999999999</v>
          </cell>
          <cell r="AT2899">
            <v>2005</v>
          </cell>
          <cell r="AU2899">
            <v>12</v>
          </cell>
        </row>
        <row r="2900">
          <cell r="C2900">
            <v>1.1574</v>
          </cell>
          <cell r="AT2900">
            <v>2005</v>
          </cell>
          <cell r="AU2900">
            <v>12</v>
          </cell>
        </row>
        <row r="2901">
          <cell r="C2901">
            <v>1.1568000000000001</v>
          </cell>
          <cell r="AT2901">
            <v>2005</v>
          </cell>
          <cell r="AU2901">
            <v>12</v>
          </cell>
        </row>
        <row r="2902">
          <cell r="C2902">
            <v>1.1568000000000001</v>
          </cell>
          <cell r="AT2902">
            <v>2005</v>
          </cell>
          <cell r="AU2902">
            <v>12</v>
          </cell>
        </row>
        <row r="2903">
          <cell r="C2903">
            <v>1.1568000000000001</v>
          </cell>
          <cell r="AT2903">
            <v>2005</v>
          </cell>
          <cell r="AU2903">
            <v>12</v>
          </cell>
        </row>
        <row r="2904">
          <cell r="C2904">
            <v>1.1507000000000001</v>
          </cell>
          <cell r="AT2904">
            <v>2005</v>
          </cell>
          <cell r="AU2904">
            <v>12</v>
          </cell>
        </row>
        <row r="2905">
          <cell r="C2905">
            <v>1.1519999999999999</v>
          </cell>
          <cell r="AT2905">
            <v>2005</v>
          </cell>
          <cell r="AU2905">
            <v>12</v>
          </cell>
        </row>
        <row r="2906">
          <cell r="C2906">
            <v>1.1531</v>
          </cell>
          <cell r="AT2906">
            <v>2005</v>
          </cell>
          <cell r="AU2906">
            <v>12</v>
          </cell>
        </row>
        <row r="2907">
          <cell r="C2907">
            <v>1.1577</v>
          </cell>
          <cell r="AT2907">
            <v>2005</v>
          </cell>
          <cell r="AU2907">
            <v>12</v>
          </cell>
        </row>
        <row r="2908">
          <cell r="C2908">
            <v>1.1564000000000001</v>
          </cell>
          <cell r="AT2908">
            <v>2005</v>
          </cell>
          <cell r="AU2908">
            <v>12</v>
          </cell>
        </row>
        <row r="2909">
          <cell r="C2909">
            <v>1.1564000000000001</v>
          </cell>
          <cell r="AT2909">
            <v>2005</v>
          </cell>
          <cell r="AU2909">
            <v>12</v>
          </cell>
        </row>
        <row r="2910">
          <cell r="C2910">
            <v>1.1564000000000001</v>
          </cell>
          <cell r="AT2910">
            <v>2005</v>
          </cell>
          <cell r="AU2910">
            <v>12</v>
          </cell>
        </row>
        <row r="2911">
          <cell r="C2911">
            <v>1.1634</v>
          </cell>
          <cell r="AT2911">
            <v>2005</v>
          </cell>
          <cell r="AU2911">
            <v>12</v>
          </cell>
        </row>
        <row r="2912">
          <cell r="C2912">
            <v>1.1734</v>
          </cell>
          <cell r="AT2912">
            <v>2005</v>
          </cell>
          <cell r="AU2912">
            <v>12</v>
          </cell>
        </row>
        <row r="2913">
          <cell r="C2913">
            <v>1.1695</v>
          </cell>
          <cell r="AT2913">
            <v>2005</v>
          </cell>
          <cell r="AU2913">
            <v>12</v>
          </cell>
        </row>
        <row r="2914">
          <cell r="C2914">
            <v>1.1649</v>
          </cell>
          <cell r="AT2914">
            <v>2005</v>
          </cell>
          <cell r="AU2914">
            <v>12</v>
          </cell>
        </row>
        <row r="2915">
          <cell r="C2915">
            <v>1.1649</v>
          </cell>
          <cell r="AT2915">
            <v>2005</v>
          </cell>
          <cell r="AU2915">
            <v>12</v>
          </cell>
        </row>
        <row r="2916">
          <cell r="C2916">
            <v>1.1649</v>
          </cell>
          <cell r="AT2916">
            <v>2005</v>
          </cell>
          <cell r="AU2916">
            <v>12</v>
          </cell>
        </row>
        <row r="2917">
          <cell r="C2917">
            <v>1.1649</v>
          </cell>
          <cell r="AT2917">
            <v>2005</v>
          </cell>
          <cell r="AU2917">
            <v>12</v>
          </cell>
        </row>
        <row r="2918">
          <cell r="C2918">
            <v>1.1649</v>
          </cell>
          <cell r="AT2918">
            <v>2005</v>
          </cell>
          <cell r="AU2918">
            <v>12</v>
          </cell>
        </row>
        <row r="2919">
          <cell r="C2919">
            <v>1.1638999999999999</v>
          </cell>
          <cell r="AT2919">
            <v>2005</v>
          </cell>
          <cell r="AU2919">
            <v>12</v>
          </cell>
        </row>
        <row r="2920">
          <cell r="C2920">
            <v>1.1645000000000001</v>
          </cell>
          <cell r="AT2920">
            <v>2005</v>
          </cell>
          <cell r="AU2920">
            <v>12</v>
          </cell>
        </row>
        <row r="2921">
          <cell r="C2921">
            <v>1.1658999999999999</v>
          </cell>
          <cell r="AT2921">
            <v>2005</v>
          </cell>
          <cell r="AU2921">
            <v>12</v>
          </cell>
        </row>
        <row r="2922">
          <cell r="C2922">
            <v>1.1658999999999999</v>
          </cell>
          <cell r="AT2922">
            <v>2005</v>
          </cell>
          <cell r="AU2922">
            <v>12</v>
          </cell>
        </row>
        <row r="2923">
          <cell r="C2923">
            <v>1.1658999999999999</v>
          </cell>
          <cell r="AT2923">
            <v>2006</v>
          </cell>
          <cell r="AU2923">
            <v>1</v>
          </cell>
        </row>
        <row r="2924">
          <cell r="C2924">
            <v>1.1658999999999999</v>
          </cell>
          <cell r="AT2924">
            <v>2006</v>
          </cell>
          <cell r="AU2924">
            <v>1</v>
          </cell>
        </row>
        <row r="2925">
          <cell r="C2925">
            <v>1.1658999999999999</v>
          </cell>
          <cell r="AT2925">
            <v>2006</v>
          </cell>
          <cell r="AU2925">
            <v>1</v>
          </cell>
        </row>
        <row r="2926">
          <cell r="C2926">
            <v>1.1571</v>
          </cell>
          <cell r="AT2926">
            <v>2006</v>
          </cell>
          <cell r="AU2926">
            <v>1</v>
          </cell>
        </row>
        <row r="2927">
          <cell r="C2927">
            <v>1.1515</v>
          </cell>
          <cell r="AT2927">
            <v>2006</v>
          </cell>
          <cell r="AU2927">
            <v>1</v>
          </cell>
        </row>
        <row r="2928">
          <cell r="C2928">
            <v>1.1617</v>
          </cell>
          <cell r="AT2928">
            <v>2006</v>
          </cell>
          <cell r="AU2928">
            <v>1</v>
          </cell>
        </row>
        <row r="2929">
          <cell r="C2929">
            <v>1.1648000000000001</v>
          </cell>
          <cell r="AT2929">
            <v>2006</v>
          </cell>
          <cell r="AU2929">
            <v>1</v>
          </cell>
        </row>
        <row r="2930">
          <cell r="C2930">
            <v>1.1648000000000001</v>
          </cell>
          <cell r="AT2930">
            <v>2006</v>
          </cell>
          <cell r="AU2930">
            <v>1</v>
          </cell>
        </row>
        <row r="2931">
          <cell r="C2931">
            <v>1.1648000000000001</v>
          </cell>
          <cell r="AT2931">
            <v>2006</v>
          </cell>
          <cell r="AU2931">
            <v>1</v>
          </cell>
        </row>
        <row r="2932">
          <cell r="C2932">
            <v>1.1692</v>
          </cell>
          <cell r="AT2932">
            <v>2006</v>
          </cell>
          <cell r="AU2932">
            <v>1</v>
          </cell>
        </row>
        <row r="2933">
          <cell r="C2933">
            <v>1.1628000000000001</v>
          </cell>
          <cell r="AT2933">
            <v>2006</v>
          </cell>
          <cell r="AU2933">
            <v>1</v>
          </cell>
        </row>
        <row r="2934">
          <cell r="C2934">
            <v>1.1579999999999999</v>
          </cell>
          <cell r="AT2934">
            <v>2006</v>
          </cell>
          <cell r="AU2934">
            <v>1</v>
          </cell>
        </row>
        <row r="2935">
          <cell r="C2935">
            <v>1.1625000000000001</v>
          </cell>
          <cell r="AT2935">
            <v>2006</v>
          </cell>
          <cell r="AU2935">
            <v>1</v>
          </cell>
        </row>
        <row r="2936">
          <cell r="C2936">
            <v>1.1613</v>
          </cell>
          <cell r="AT2936">
            <v>2006</v>
          </cell>
          <cell r="AU2936">
            <v>1</v>
          </cell>
        </row>
        <row r="2937">
          <cell r="C2937">
            <v>1.1613</v>
          </cell>
          <cell r="AT2937">
            <v>2006</v>
          </cell>
          <cell r="AU2937">
            <v>1</v>
          </cell>
        </row>
        <row r="2938">
          <cell r="C2938">
            <v>1.1613</v>
          </cell>
          <cell r="AT2938">
            <v>2006</v>
          </cell>
          <cell r="AU2938">
            <v>1</v>
          </cell>
        </row>
        <row r="2939">
          <cell r="C2939">
            <v>1.1613</v>
          </cell>
          <cell r="AT2939">
            <v>2006</v>
          </cell>
          <cell r="AU2939">
            <v>1</v>
          </cell>
        </row>
        <row r="2940">
          <cell r="C2940">
            <v>1.1642999999999999</v>
          </cell>
          <cell r="AT2940">
            <v>2006</v>
          </cell>
          <cell r="AU2940">
            <v>1</v>
          </cell>
        </row>
        <row r="2941">
          <cell r="C2941">
            <v>1.1726000000000001</v>
          </cell>
          <cell r="AT2941">
            <v>2006</v>
          </cell>
          <cell r="AU2941">
            <v>1</v>
          </cell>
        </row>
        <row r="2942">
          <cell r="C2942">
            <v>1.1657</v>
          </cell>
          <cell r="AT2942">
            <v>2006</v>
          </cell>
          <cell r="AU2942">
            <v>1</v>
          </cell>
        </row>
        <row r="2943">
          <cell r="C2943">
            <v>1.1534</v>
          </cell>
          <cell r="AT2943">
            <v>2006</v>
          </cell>
          <cell r="AU2943">
            <v>1</v>
          </cell>
        </row>
        <row r="2944">
          <cell r="C2944">
            <v>1.1534</v>
          </cell>
          <cell r="AT2944">
            <v>2006</v>
          </cell>
          <cell r="AU2944">
            <v>1</v>
          </cell>
        </row>
        <row r="2945">
          <cell r="C2945">
            <v>1.1534</v>
          </cell>
          <cell r="AT2945">
            <v>2006</v>
          </cell>
          <cell r="AU2945">
            <v>1</v>
          </cell>
        </row>
        <row r="2946">
          <cell r="C2946">
            <v>1.1512</v>
          </cell>
          <cell r="AT2946">
            <v>2006</v>
          </cell>
          <cell r="AU2946">
            <v>1</v>
          </cell>
        </row>
        <row r="2947">
          <cell r="C2947">
            <v>1.1549</v>
          </cell>
          <cell r="AT2947">
            <v>2006</v>
          </cell>
          <cell r="AU2947">
            <v>1</v>
          </cell>
        </row>
        <row r="2948">
          <cell r="C2948">
            <v>1.1483000000000001</v>
          </cell>
          <cell r="AT2948">
            <v>2006</v>
          </cell>
          <cell r="AU2948">
            <v>1</v>
          </cell>
        </row>
        <row r="2949">
          <cell r="C2949">
            <v>1.1503000000000001</v>
          </cell>
          <cell r="AT2949">
            <v>2006</v>
          </cell>
          <cell r="AU2949">
            <v>1</v>
          </cell>
        </row>
        <row r="2950">
          <cell r="C2950">
            <v>1.1474</v>
          </cell>
          <cell r="AT2950">
            <v>2006</v>
          </cell>
          <cell r="AU2950">
            <v>1</v>
          </cell>
        </row>
        <row r="2951">
          <cell r="C2951">
            <v>1.1474</v>
          </cell>
          <cell r="AT2951">
            <v>2006</v>
          </cell>
          <cell r="AU2951">
            <v>1</v>
          </cell>
        </row>
        <row r="2952">
          <cell r="C2952">
            <v>1.1474</v>
          </cell>
          <cell r="AT2952">
            <v>2006</v>
          </cell>
          <cell r="AU2952">
            <v>1</v>
          </cell>
        </row>
        <row r="2953">
          <cell r="C2953">
            <v>1.1443000000000001</v>
          </cell>
          <cell r="AT2953">
            <v>2006</v>
          </cell>
          <cell r="AU2953">
            <v>1</v>
          </cell>
        </row>
        <row r="2954">
          <cell r="C2954">
            <v>1.1438999999999999</v>
          </cell>
          <cell r="AT2954">
            <v>2006</v>
          </cell>
          <cell r="AU2954">
            <v>2</v>
          </cell>
        </row>
        <row r="2955">
          <cell r="C2955">
            <v>1.1402000000000001</v>
          </cell>
          <cell r="AT2955">
            <v>2006</v>
          </cell>
          <cell r="AU2955">
            <v>2</v>
          </cell>
        </row>
        <row r="2956">
          <cell r="C2956">
            <v>1.1432</v>
          </cell>
          <cell r="AT2956">
            <v>2006</v>
          </cell>
          <cell r="AU2956">
            <v>2</v>
          </cell>
        </row>
        <row r="2957">
          <cell r="C2957">
            <v>1.1471</v>
          </cell>
          <cell r="AT2957">
            <v>2006</v>
          </cell>
          <cell r="AU2957">
            <v>2</v>
          </cell>
        </row>
        <row r="2958">
          <cell r="C2958">
            <v>1.1471</v>
          </cell>
          <cell r="AT2958">
            <v>2006</v>
          </cell>
          <cell r="AU2958">
            <v>2</v>
          </cell>
        </row>
        <row r="2959">
          <cell r="C2959">
            <v>1.1471</v>
          </cell>
          <cell r="AT2959">
            <v>2006</v>
          </cell>
          <cell r="AU2959">
            <v>2</v>
          </cell>
        </row>
        <row r="2960">
          <cell r="C2960">
            <v>1.1456999999999999</v>
          </cell>
          <cell r="AT2960">
            <v>2006</v>
          </cell>
          <cell r="AU2960">
            <v>2</v>
          </cell>
        </row>
        <row r="2961">
          <cell r="C2961">
            <v>1.1491</v>
          </cell>
          <cell r="AT2961">
            <v>2006</v>
          </cell>
          <cell r="AU2961">
            <v>2</v>
          </cell>
        </row>
        <row r="2962">
          <cell r="C2962">
            <v>1.1536</v>
          </cell>
          <cell r="AT2962">
            <v>2006</v>
          </cell>
          <cell r="AU2962">
            <v>2</v>
          </cell>
        </row>
        <row r="2963">
          <cell r="C2963">
            <v>1.1453</v>
          </cell>
          <cell r="AT2963">
            <v>2006</v>
          </cell>
          <cell r="AU2963">
            <v>2</v>
          </cell>
        </row>
        <row r="2964">
          <cell r="C2964">
            <v>1.1541999999999999</v>
          </cell>
          <cell r="AT2964">
            <v>2006</v>
          </cell>
          <cell r="AU2964">
            <v>2</v>
          </cell>
        </row>
        <row r="2965">
          <cell r="C2965">
            <v>1.1541999999999999</v>
          </cell>
          <cell r="AT2965">
            <v>2006</v>
          </cell>
          <cell r="AU2965">
            <v>2</v>
          </cell>
        </row>
        <row r="2966">
          <cell r="C2966">
            <v>1.1541999999999999</v>
          </cell>
          <cell r="AT2966">
            <v>2006</v>
          </cell>
          <cell r="AU2966">
            <v>2</v>
          </cell>
        </row>
        <row r="2967">
          <cell r="C2967">
            <v>1.1548</v>
          </cell>
          <cell r="AT2967">
            <v>2006</v>
          </cell>
          <cell r="AU2967">
            <v>2</v>
          </cell>
        </row>
        <row r="2968">
          <cell r="C2968">
            <v>1.1548</v>
          </cell>
          <cell r="AT2968">
            <v>2006</v>
          </cell>
          <cell r="AU2968">
            <v>2</v>
          </cell>
        </row>
        <row r="2969">
          <cell r="C2969">
            <v>1.1540999999999999</v>
          </cell>
          <cell r="AT2969">
            <v>2006</v>
          </cell>
          <cell r="AU2969">
            <v>2</v>
          </cell>
        </row>
        <row r="2970">
          <cell r="C2970">
            <v>1.1577999999999999</v>
          </cell>
          <cell r="AT2970">
            <v>2006</v>
          </cell>
          <cell r="AU2970">
            <v>2</v>
          </cell>
        </row>
        <row r="2971">
          <cell r="C2971">
            <v>1.1521999999999999</v>
          </cell>
          <cell r="AT2971">
            <v>2006</v>
          </cell>
          <cell r="AU2971">
            <v>2</v>
          </cell>
        </row>
        <row r="2972">
          <cell r="C2972">
            <v>1.1521999999999999</v>
          </cell>
          <cell r="AT2972">
            <v>2006</v>
          </cell>
          <cell r="AU2972">
            <v>2</v>
          </cell>
        </row>
        <row r="2973">
          <cell r="C2973">
            <v>1.1521999999999999</v>
          </cell>
          <cell r="AT2973">
            <v>2006</v>
          </cell>
          <cell r="AU2973">
            <v>2</v>
          </cell>
        </row>
        <row r="2974">
          <cell r="C2974">
            <v>1.1521999999999999</v>
          </cell>
          <cell r="AT2974">
            <v>2006</v>
          </cell>
          <cell r="AU2974">
            <v>2</v>
          </cell>
        </row>
        <row r="2975">
          <cell r="C2975">
            <v>1.1464000000000001</v>
          </cell>
          <cell r="AT2975">
            <v>2006</v>
          </cell>
          <cell r="AU2975">
            <v>2</v>
          </cell>
        </row>
        <row r="2976">
          <cell r="C2976">
            <v>1.1482000000000001</v>
          </cell>
          <cell r="AT2976">
            <v>2006</v>
          </cell>
          <cell r="AU2976">
            <v>2</v>
          </cell>
        </row>
        <row r="2977">
          <cell r="C2977">
            <v>1.1513</v>
          </cell>
          <cell r="AT2977">
            <v>2006</v>
          </cell>
          <cell r="AU2977">
            <v>2</v>
          </cell>
        </row>
        <row r="2978">
          <cell r="C2978">
            <v>1.1517999999999999</v>
          </cell>
          <cell r="AT2978">
            <v>2006</v>
          </cell>
          <cell r="AU2978">
            <v>2</v>
          </cell>
        </row>
        <row r="2979">
          <cell r="C2979">
            <v>1.1517999999999999</v>
          </cell>
          <cell r="AT2979">
            <v>2006</v>
          </cell>
          <cell r="AU2979">
            <v>2</v>
          </cell>
        </row>
        <row r="2980">
          <cell r="C2980">
            <v>1.1517999999999999</v>
          </cell>
          <cell r="AT2980">
            <v>2006</v>
          </cell>
          <cell r="AU2980">
            <v>2</v>
          </cell>
        </row>
        <row r="2981">
          <cell r="C2981">
            <v>1.1419999999999999</v>
          </cell>
          <cell r="AT2981">
            <v>2006</v>
          </cell>
          <cell r="AU2981">
            <v>2</v>
          </cell>
        </row>
        <row r="2982">
          <cell r="C2982">
            <v>1.1379999999999999</v>
          </cell>
          <cell r="AT2982">
            <v>2006</v>
          </cell>
          <cell r="AU2982">
            <v>3</v>
          </cell>
        </row>
        <row r="2983">
          <cell r="C2983">
            <v>1.1369</v>
          </cell>
          <cell r="AT2983">
            <v>2006</v>
          </cell>
          <cell r="AU2983">
            <v>3</v>
          </cell>
        </row>
        <row r="2984">
          <cell r="C2984">
            <v>1.1322000000000001</v>
          </cell>
          <cell r="AT2984">
            <v>2006</v>
          </cell>
          <cell r="AU2984">
            <v>3</v>
          </cell>
        </row>
        <row r="2985">
          <cell r="C2985">
            <v>1.1352</v>
          </cell>
          <cell r="AT2985">
            <v>2006</v>
          </cell>
          <cell r="AU2985">
            <v>3</v>
          </cell>
        </row>
        <row r="2986">
          <cell r="C2986">
            <v>1.1352</v>
          </cell>
          <cell r="AT2986">
            <v>2006</v>
          </cell>
          <cell r="AU2986">
            <v>3</v>
          </cell>
        </row>
        <row r="2987">
          <cell r="C2987">
            <v>1.1352</v>
          </cell>
          <cell r="AT2987">
            <v>2006</v>
          </cell>
          <cell r="AU2987">
            <v>3</v>
          </cell>
        </row>
        <row r="2988">
          <cell r="C2988">
            <v>1.1402000000000001</v>
          </cell>
          <cell r="AT2988">
            <v>2006</v>
          </cell>
          <cell r="AU2988">
            <v>3</v>
          </cell>
        </row>
        <row r="2989">
          <cell r="C2989">
            <v>1.147</v>
          </cell>
          <cell r="AT2989">
            <v>2006</v>
          </cell>
          <cell r="AU2989">
            <v>3</v>
          </cell>
        </row>
        <row r="2990">
          <cell r="C2990">
            <v>1.1574</v>
          </cell>
          <cell r="AT2990">
            <v>2006</v>
          </cell>
          <cell r="AU2990">
            <v>3</v>
          </cell>
        </row>
        <row r="2991">
          <cell r="C2991">
            <v>1.1595</v>
          </cell>
          <cell r="AT2991">
            <v>2006</v>
          </cell>
          <cell r="AU2991">
            <v>3</v>
          </cell>
        </row>
        <row r="2992">
          <cell r="C2992">
            <v>1.1605000000000001</v>
          </cell>
          <cell r="AT2992">
            <v>2006</v>
          </cell>
          <cell r="AU2992">
            <v>3</v>
          </cell>
        </row>
        <row r="2993">
          <cell r="C2993">
            <v>1.1605000000000001</v>
          </cell>
          <cell r="AT2993">
            <v>2006</v>
          </cell>
          <cell r="AU2993">
            <v>3</v>
          </cell>
        </row>
        <row r="2994">
          <cell r="C2994">
            <v>1.1605000000000001</v>
          </cell>
          <cell r="AT2994">
            <v>2006</v>
          </cell>
          <cell r="AU2994">
            <v>3</v>
          </cell>
        </row>
        <row r="2995">
          <cell r="C2995">
            <v>1.1617999999999999</v>
          </cell>
          <cell r="AT2995">
            <v>2006</v>
          </cell>
          <cell r="AU2995">
            <v>3</v>
          </cell>
        </row>
        <row r="2996">
          <cell r="C2996">
            <v>1.155</v>
          </cell>
          <cell r="AT2996">
            <v>2006</v>
          </cell>
          <cell r="AU2996">
            <v>3</v>
          </cell>
        </row>
        <row r="2997">
          <cell r="C2997">
            <v>1.1553</v>
          </cell>
          <cell r="AT2997">
            <v>2006</v>
          </cell>
          <cell r="AU2997">
            <v>3</v>
          </cell>
        </row>
        <row r="2998">
          <cell r="C2998">
            <v>1.1536999999999999</v>
          </cell>
          <cell r="AT2998">
            <v>2006</v>
          </cell>
          <cell r="AU2998">
            <v>3</v>
          </cell>
        </row>
        <row r="2999">
          <cell r="C2999">
            <v>1.1588000000000001</v>
          </cell>
          <cell r="AT2999">
            <v>2006</v>
          </cell>
          <cell r="AU2999">
            <v>3</v>
          </cell>
        </row>
        <row r="3000">
          <cell r="C3000">
            <v>1.1588000000000001</v>
          </cell>
          <cell r="AT3000">
            <v>2006</v>
          </cell>
          <cell r="AU3000">
            <v>3</v>
          </cell>
        </row>
        <row r="3001">
          <cell r="C3001">
            <v>1.1588000000000001</v>
          </cell>
          <cell r="AT3001">
            <v>2006</v>
          </cell>
          <cell r="AU3001">
            <v>3</v>
          </cell>
        </row>
        <row r="3002">
          <cell r="C3002">
            <v>1.1628000000000001</v>
          </cell>
          <cell r="AT3002">
            <v>2006</v>
          </cell>
          <cell r="AU3002">
            <v>3</v>
          </cell>
        </row>
        <row r="3003">
          <cell r="C3003">
            <v>1.1647000000000001</v>
          </cell>
          <cell r="AT3003">
            <v>2006</v>
          </cell>
          <cell r="AU3003">
            <v>3</v>
          </cell>
        </row>
        <row r="3004">
          <cell r="C3004">
            <v>1.1653</v>
          </cell>
          <cell r="AT3004">
            <v>2006</v>
          </cell>
          <cell r="AU3004">
            <v>3</v>
          </cell>
        </row>
        <row r="3005">
          <cell r="C3005">
            <v>1.1658999999999999</v>
          </cell>
          <cell r="AT3005">
            <v>2006</v>
          </cell>
          <cell r="AU3005">
            <v>3</v>
          </cell>
        </row>
        <row r="3006">
          <cell r="C3006">
            <v>1.1674</v>
          </cell>
          <cell r="AT3006">
            <v>2006</v>
          </cell>
          <cell r="AU3006">
            <v>3</v>
          </cell>
        </row>
        <row r="3007">
          <cell r="C3007">
            <v>1.1674</v>
          </cell>
          <cell r="AT3007">
            <v>2006</v>
          </cell>
          <cell r="AU3007">
            <v>3</v>
          </cell>
        </row>
        <row r="3008">
          <cell r="C3008">
            <v>1.1674</v>
          </cell>
          <cell r="AT3008">
            <v>2006</v>
          </cell>
          <cell r="AU3008">
            <v>3</v>
          </cell>
        </row>
        <row r="3009">
          <cell r="C3009">
            <v>1.1687000000000001</v>
          </cell>
          <cell r="AT3009">
            <v>2006</v>
          </cell>
          <cell r="AU3009">
            <v>3</v>
          </cell>
        </row>
        <row r="3010">
          <cell r="C3010">
            <v>1.1698</v>
          </cell>
          <cell r="AT3010">
            <v>2006</v>
          </cell>
          <cell r="AU3010">
            <v>3</v>
          </cell>
        </row>
        <row r="3011">
          <cell r="C3011">
            <v>1.1724000000000001</v>
          </cell>
          <cell r="AT3011">
            <v>2006</v>
          </cell>
          <cell r="AU3011">
            <v>3</v>
          </cell>
        </row>
        <row r="3012">
          <cell r="C3012">
            <v>1.1627000000000001</v>
          </cell>
          <cell r="AT3012">
            <v>2006</v>
          </cell>
          <cell r="AU3012">
            <v>3</v>
          </cell>
        </row>
        <row r="3013">
          <cell r="C3013">
            <v>1.1671</v>
          </cell>
          <cell r="AT3013">
            <v>2006</v>
          </cell>
          <cell r="AU3013">
            <v>4</v>
          </cell>
        </row>
        <row r="3014">
          <cell r="C3014">
            <v>1.1671</v>
          </cell>
          <cell r="AT3014">
            <v>2006</v>
          </cell>
          <cell r="AU3014">
            <v>4</v>
          </cell>
        </row>
        <row r="3015">
          <cell r="C3015">
            <v>1.1671</v>
          </cell>
          <cell r="AT3015">
            <v>2006</v>
          </cell>
          <cell r="AU3015">
            <v>4</v>
          </cell>
        </row>
        <row r="3016">
          <cell r="C3016">
            <v>1.1718999999999999</v>
          </cell>
          <cell r="AT3016">
            <v>2006</v>
          </cell>
          <cell r="AU3016">
            <v>4</v>
          </cell>
        </row>
        <row r="3017">
          <cell r="C3017">
            <v>1.1661999999999999</v>
          </cell>
          <cell r="AT3017">
            <v>2006</v>
          </cell>
          <cell r="AU3017">
            <v>4</v>
          </cell>
        </row>
        <row r="3018">
          <cell r="C3018">
            <v>1.1618999999999999</v>
          </cell>
          <cell r="AT3018">
            <v>2006</v>
          </cell>
          <cell r="AU3018">
            <v>4</v>
          </cell>
        </row>
        <row r="3019">
          <cell r="C3019">
            <v>1.1534</v>
          </cell>
          <cell r="AT3019">
            <v>2006</v>
          </cell>
          <cell r="AU3019">
            <v>4</v>
          </cell>
        </row>
        <row r="3020">
          <cell r="C3020">
            <v>1.1467000000000001</v>
          </cell>
          <cell r="AT3020">
            <v>2006</v>
          </cell>
          <cell r="AU3020">
            <v>4</v>
          </cell>
        </row>
        <row r="3021">
          <cell r="C3021">
            <v>1.1467000000000001</v>
          </cell>
          <cell r="AT3021">
            <v>2006</v>
          </cell>
          <cell r="AU3021">
            <v>4</v>
          </cell>
        </row>
        <row r="3022">
          <cell r="C3022">
            <v>1.1467000000000001</v>
          </cell>
          <cell r="AT3022">
            <v>2006</v>
          </cell>
          <cell r="AU3022">
            <v>4</v>
          </cell>
        </row>
        <row r="3023">
          <cell r="C3023">
            <v>1.1466000000000001</v>
          </cell>
          <cell r="AT3023">
            <v>2006</v>
          </cell>
          <cell r="AU3023">
            <v>4</v>
          </cell>
        </row>
        <row r="3024">
          <cell r="C3024">
            <v>1.1457999999999999</v>
          </cell>
          <cell r="AT3024">
            <v>2006</v>
          </cell>
          <cell r="AU3024">
            <v>4</v>
          </cell>
        </row>
        <row r="3025">
          <cell r="C3025">
            <v>1.1477999999999999</v>
          </cell>
          <cell r="AT3025">
            <v>2006</v>
          </cell>
          <cell r="AU3025">
            <v>4</v>
          </cell>
        </row>
        <row r="3026">
          <cell r="C3026">
            <v>1.1519999999999999</v>
          </cell>
          <cell r="AT3026">
            <v>2006</v>
          </cell>
          <cell r="AU3026">
            <v>4</v>
          </cell>
        </row>
        <row r="3027">
          <cell r="C3027">
            <v>1.1519999999999999</v>
          </cell>
          <cell r="AT3027">
            <v>2006</v>
          </cell>
          <cell r="AU3027">
            <v>4</v>
          </cell>
        </row>
        <row r="3028">
          <cell r="C3028">
            <v>1.1519999999999999</v>
          </cell>
          <cell r="AT3028">
            <v>2006</v>
          </cell>
          <cell r="AU3028">
            <v>4</v>
          </cell>
        </row>
        <row r="3029">
          <cell r="C3029">
            <v>1.1519999999999999</v>
          </cell>
          <cell r="AT3029">
            <v>2006</v>
          </cell>
          <cell r="AU3029">
            <v>4</v>
          </cell>
        </row>
        <row r="3030">
          <cell r="C3030">
            <v>1.1453</v>
          </cell>
          <cell r="AT3030">
            <v>2006</v>
          </cell>
          <cell r="AU3030">
            <v>4</v>
          </cell>
        </row>
        <row r="3031">
          <cell r="C3031">
            <v>1.1418999999999999</v>
          </cell>
          <cell r="AT3031">
            <v>2006</v>
          </cell>
          <cell r="AU3031">
            <v>4</v>
          </cell>
        </row>
        <row r="3032">
          <cell r="C3032">
            <v>1.1364000000000001</v>
          </cell>
          <cell r="AT3032">
            <v>2006</v>
          </cell>
          <cell r="AU3032">
            <v>4</v>
          </cell>
        </row>
        <row r="3033">
          <cell r="C3033">
            <v>1.1388</v>
          </cell>
          <cell r="AT3033">
            <v>2006</v>
          </cell>
          <cell r="AU3033">
            <v>4</v>
          </cell>
        </row>
        <row r="3034">
          <cell r="C3034">
            <v>1.1373</v>
          </cell>
          <cell r="AT3034">
            <v>2006</v>
          </cell>
          <cell r="AU3034">
            <v>4</v>
          </cell>
        </row>
        <row r="3035">
          <cell r="C3035">
            <v>1.1373</v>
          </cell>
          <cell r="AT3035">
            <v>2006</v>
          </cell>
          <cell r="AU3035">
            <v>4</v>
          </cell>
        </row>
        <row r="3036">
          <cell r="C3036">
            <v>1.1373</v>
          </cell>
          <cell r="AT3036">
            <v>2006</v>
          </cell>
          <cell r="AU3036">
            <v>4</v>
          </cell>
        </row>
        <row r="3037">
          <cell r="C3037">
            <v>1.1373</v>
          </cell>
          <cell r="AT3037">
            <v>2006</v>
          </cell>
          <cell r="AU3037">
            <v>4</v>
          </cell>
        </row>
        <row r="3038">
          <cell r="C3038">
            <v>1.1315999999999999</v>
          </cell>
          <cell r="AT3038">
            <v>2006</v>
          </cell>
          <cell r="AU3038">
            <v>4</v>
          </cell>
        </row>
        <row r="3039">
          <cell r="C3039">
            <v>1.127</v>
          </cell>
          <cell r="AT3039">
            <v>2006</v>
          </cell>
          <cell r="AU3039">
            <v>4</v>
          </cell>
        </row>
        <row r="3040">
          <cell r="C3040">
            <v>1.1234999999999999</v>
          </cell>
          <cell r="AT3040">
            <v>2006</v>
          </cell>
          <cell r="AU3040">
            <v>4</v>
          </cell>
        </row>
        <row r="3041">
          <cell r="C3041">
            <v>1.1203000000000001</v>
          </cell>
          <cell r="AT3041">
            <v>2006</v>
          </cell>
          <cell r="AU3041">
            <v>4</v>
          </cell>
        </row>
        <row r="3042">
          <cell r="C3042">
            <v>1.1203000000000001</v>
          </cell>
          <cell r="AT3042">
            <v>2006</v>
          </cell>
          <cell r="AU3042">
            <v>4</v>
          </cell>
        </row>
        <row r="3043">
          <cell r="C3043">
            <v>1.1203000000000001</v>
          </cell>
          <cell r="AT3043">
            <v>2006</v>
          </cell>
          <cell r="AU3043">
            <v>5</v>
          </cell>
        </row>
        <row r="3044">
          <cell r="C3044">
            <v>1.1133</v>
          </cell>
          <cell r="AT3044">
            <v>2006</v>
          </cell>
          <cell r="AU3044">
            <v>5</v>
          </cell>
        </row>
        <row r="3045">
          <cell r="C3045">
            <v>1.1069</v>
          </cell>
          <cell r="AT3045">
            <v>2006</v>
          </cell>
          <cell r="AU3045">
            <v>5</v>
          </cell>
        </row>
        <row r="3046">
          <cell r="C3046">
            <v>1.1072</v>
          </cell>
          <cell r="AT3046">
            <v>2006</v>
          </cell>
          <cell r="AU3046">
            <v>5</v>
          </cell>
        </row>
        <row r="3047">
          <cell r="C3047">
            <v>1.1068</v>
          </cell>
          <cell r="AT3047">
            <v>2006</v>
          </cell>
          <cell r="AU3047">
            <v>5</v>
          </cell>
        </row>
        <row r="3048">
          <cell r="C3048">
            <v>1.1072</v>
          </cell>
          <cell r="AT3048">
            <v>2006</v>
          </cell>
          <cell r="AU3048">
            <v>5</v>
          </cell>
        </row>
        <row r="3049">
          <cell r="C3049">
            <v>1.1072</v>
          </cell>
          <cell r="AT3049">
            <v>2006</v>
          </cell>
          <cell r="AU3049">
            <v>5</v>
          </cell>
        </row>
        <row r="3050">
          <cell r="C3050">
            <v>1.1072</v>
          </cell>
          <cell r="AT3050">
            <v>2006</v>
          </cell>
          <cell r="AU3050">
            <v>5</v>
          </cell>
        </row>
        <row r="3051">
          <cell r="C3051">
            <v>1.1116999999999999</v>
          </cell>
          <cell r="AT3051">
            <v>2006</v>
          </cell>
          <cell r="AU3051">
            <v>5</v>
          </cell>
        </row>
        <row r="3052">
          <cell r="C3052">
            <v>1.1021000000000001</v>
          </cell>
          <cell r="AT3052">
            <v>2006</v>
          </cell>
          <cell r="AU3052">
            <v>5</v>
          </cell>
        </row>
        <row r="3053">
          <cell r="C3053">
            <v>1.1007</v>
          </cell>
          <cell r="AT3053">
            <v>2006</v>
          </cell>
          <cell r="AU3053">
            <v>5</v>
          </cell>
        </row>
        <row r="3054">
          <cell r="C3054">
            <v>1.099</v>
          </cell>
          <cell r="AT3054">
            <v>2006</v>
          </cell>
          <cell r="AU3054">
            <v>5</v>
          </cell>
        </row>
        <row r="3055">
          <cell r="C3055">
            <v>1.1085</v>
          </cell>
          <cell r="AT3055">
            <v>2006</v>
          </cell>
          <cell r="AU3055">
            <v>5</v>
          </cell>
        </row>
        <row r="3056">
          <cell r="C3056">
            <v>1.1085</v>
          </cell>
          <cell r="AT3056">
            <v>2006</v>
          </cell>
          <cell r="AU3056">
            <v>5</v>
          </cell>
        </row>
        <row r="3057">
          <cell r="C3057">
            <v>1.1085</v>
          </cell>
          <cell r="AT3057">
            <v>2006</v>
          </cell>
          <cell r="AU3057">
            <v>5</v>
          </cell>
        </row>
        <row r="3058">
          <cell r="C3058">
            <v>1.1140000000000001</v>
          </cell>
          <cell r="AT3058">
            <v>2006</v>
          </cell>
          <cell r="AU3058">
            <v>5</v>
          </cell>
        </row>
        <row r="3059">
          <cell r="C3059">
            <v>1.1112</v>
          </cell>
          <cell r="AT3059">
            <v>2006</v>
          </cell>
          <cell r="AU3059">
            <v>5</v>
          </cell>
        </row>
        <row r="3060">
          <cell r="C3060">
            <v>1.1125</v>
          </cell>
          <cell r="AT3060">
            <v>2006</v>
          </cell>
          <cell r="AU3060">
            <v>5</v>
          </cell>
        </row>
        <row r="3061">
          <cell r="C3061">
            <v>1.1213</v>
          </cell>
          <cell r="AT3061">
            <v>2006</v>
          </cell>
          <cell r="AU3061">
            <v>5</v>
          </cell>
        </row>
        <row r="3062">
          <cell r="C3062">
            <v>1.1233</v>
          </cell>
          <cell r="AT3062">
            <v>2006</v>
          </cell>
          <cell r="AU3062">
            <v>5</v>
          </cell>
        </row>
        <row r="3063">
          <cell r="C3063">
            <v>1.1233</v>
          </cell>
          <cell r="AT3063">
            <v>2006</v>
          </cell>
          <cell r="AU3063">
            <v>5</v>
          </cell>
        </row>
        <row r="3064">
          <cell r="C3064">
            <v>1.1233</v>
          </cell>
          <cell r="AT3064">
            <v>2006</v>
          </cell>
          <cell r="AU3064">
            <v>5</v>
          </cell>
        </row>
        <row r="3065">
          <cell r="C3065">
            <v>1.1233</v>
          </cell>
          <cell r="AT3065">
            <v>2006</v>
          </cell>
          <cell r="AU3065">
            <v>5</v>
          </cell>
        </row>
        <row r="3066">
          <cell r="C3066">
            <v>1.1175999999999999</v>
          </cell>
          <cell r="AT3066">
            <v>2006</v>
          </cell>
          <cell r="AU3066">
            <v>5</v>
          </cell>
        </row>
        <row r="3067">
          <cell r="C3067">
            <v>1.1229</v>
          </cell>
          <cell r="AT3067">
            <v>2006</v>
          </cell>
          <cell r="AU3067">
            <v>5</v>
          </cell>
        </row>
        <row r="3068">
          <cell r="C3068">
            <v>1.1073</v>
          </cell>
          <cell r="AT3068">
            <v>2006</v>
          </cell>
          <cell r="AU3068">
            <v>5</v>
          </cell>
        </row>
        <row r="3069">
          <cell r="C3069">
            <v>1.1073</v>
          </cell>
          <cell r="AT3069">
            <v>2006</v>
          </cell>
          <cell r="AU3069">
            <v>5</v>
          </cell>
        </row>
        <row r="3070">
          <cell r="C3070">
            <v>1.1073</v>
          </cell>
          <cell r="AT3070">
            <v>2006</v>
          </cell>
          <cell r="AU3070">
            <v>5</v>
          </cell>
        </row>
        <row r="3071">
          <cell r="C3071">
            <v>1.1073</v>
          </cell>
          <cell r="AT3071">
            <v>2006</v>
          </cell>
          <cell r="AU3071">
            <v>5</v>
          </cell>
        </row>
        <row r="3072">
          <cell r="C3072">
            <v>1.1073</v>
          </cell>
          <cell r="AT3072">
            <v>2006</v>
          </cell>
          <cell r="AU3072">
            <v>5</v>
          </cell>
        </row>
        <row r="3073">
          <cell r="C3073">
            <v>1.0995999999999999</v>
          </cell>
          <cell r="AT3073">
            <v>2006</v>
          </cell>
          <cell r="AU3073">
            <v>5</v>
          </cell>
        </row>
        <row r="3074">
          <cell r="C3074">
            <v>1.1028</v>
          </cell>
          <cell r="AT3074">
            <v>2006</v>
          </cell>
          <cell r="AU3074">
            <v>6</v>
          </cell>
        </row>
        <row r="3075">
          <cell r="C3075">
            <v>1.1008</v>
          </cell>
          <cell r="AT3075">
            <v>2006</v>
          </cell>
          <cell r="AU3075">
            <v>6</v>
          </cell>
        </row>
        <row r="3076">
          <cell r="C3076">
            <v>1.1004</v>
          </cell>
          <cell r="AT3076">
            <v>2006</v>
          </cell>
          <cell r="AU3076">
            <v>6</v>
          </cell>
        </row>
        <row r="3077">
          <cell r="C3077">
            <v>1.1004</v>
          </cell>
          <cell r="AT3077">
            <v>2006</v>
          </cell>
          <cell r="AU3077">
            <v>6</v>
          </cell>
        </row>
        <row r="3078">
          <cell r="C3078">
            <v>1.1004</v>
          </cell>
          <cell r="AT3078">
            <v>2006</v>
          </cell>
          <cell r="AU3078">
            <v>6</v>
          </cell>
        </row>
        <row r="3079">
          <cell r="C3079">
            <v>1.1012</v>
          </cell>
          <cell r="AT3079">
            <v>2006</v>
          </cell>
          <cell r="AU3079">
            <v>6</v>
          </cell>
        </row>
        <row r="3080">
          <cell r="C3080">
            <v>1.1152</v>
          </cell>
          <cell r="AT3080">
            <v>2006</v>
          </cell>
          <cell r="AU3080">
            <v>6</v>
          </cell>
        </row>
        <row r="3081">
          <cell r="C3081">
            <v>1.1115999999999999</v>
          </cell>
          <cell r="AT3081">
            <v>2006</v>
          </cell>
          <cell r="AU3081">
            <v>6</v>
          </cell>
        </row>
        <row r="3082">
          <cell r="C3082">
            <v>1.1232</v>
          </cell>
          <cell r="AT3082">
            <v>2006</v>
          </cell>
          <cell r="AU3082">
            <v>6</v>
          </cell>
        </row>
        <row r="3083">
          <cell r="C3083">
            <v>1.1072</v>
          </cell>
          <cell r="AT3083">
            <v>2006</v>
          </cell>
          <cell r="AU3083">
            <v>6</v>
          </cell>
        </row>
        <row r="3084">
          <cell r="C3084">
            <v>1.1072</v>
          </cell>
          <cell r="AT3084">
            <v>2006</v>
          </cell>
          <cell r="AU3084">
            <v>6</v>
          </cell>
        </row>
        <row r="3085">
          <cell r="C3085">
            <v>1.1072</v>
          </cell>
          <cell r="AT3085">
            <v>2006</v>
          </cell>
          <cell r="AU3085">
            <v>6</v>
          </cell>
        </row>
        <row r="3086">
          <cell r="C3086">
            <v>1.099</v>
          </cell>
          <cell r="AT3086">
            <v>2006</v>
          </cell>
          <cell r="AU3086">
            <v>6</v>
          </cell>
        </row>
        <row r="3087">
          <cell r="C3087">
            <v>1.1079000000000001</v>
          </cell>
          <cell r="AT3087">
            <v>2006</v>
          </cell>
          <cell r="AU3087">
            <v>6</v>
          </cell>
        </row>
        <row r="3088">
          <cell r="C3088">
            <v>1.1122000000000001</v>
          </cell>
          <cell r="AT3088">
            <v>2006</v>
          </cell>
          <cell r="AU3088">
            <v>6</v>
          </cell>
        </row>
        <row r="3089">
          <cell r="C3089">
            <v>1.1176999999999999</v>
          </cell>
          <cell r="AT3089">
            <v>2006</v>
          </cell>
          <cell r="AU3089">
            <v>6</v>
          </cell>
        </row>
        <row r="3090">
          <cell r="C3090">
            <v>1.1226</v>
          </cell>
          <cell r="AT3090">
            <v>2006</v>
          </cell>
          <cell r="AU3090">
            <v>6</v>
          </cell>
        </row>
        <row r="3091">
          <cell r="C3091">
            <v>1.1226</v>
          </cell>
          <cell r="AT3091">
            <v>2006</v>
          </cell>
          <cell r="AU3091">
            <v>6</v>
          </cell>
        </row>
        <row r="3092">
          <cell r="C3092">
            <v>1.1226</v>
          </cell>
          <cell r="AT3092">
            <v>2006</v>
          </cell>
          <cell r="AU3092">
            <v>6</v>
          </cell>
        </row>
        <row r="3093">
          <cell r="C3093">
            <v>1.1229</v>
          </cell>
          <cell r="AT3093">
            <v>2006</v>
          </cell>
          <cell r="AU3093">
            <v>6</v>
          </cell>
        </row>
        <row r="3094">
          <cell r="C3094">
            <v>1.1163000000000001</v>
          </cell>
          <cell r="AT3094">
            <v>2006</v>
          </cell>
          <cell r="AU3094">
            <v>6</v>
          </cell>
        </row>
        <row r="3095">
          <cell r="C3095">
            <v>1.1042000000000001</v>
          </cell>
          <cell r="AT3095">
            <v>2006</v>
          </cell>
          <cell r="AU3095">
            <v>6</v>
          </cell>
        </row>
        <row r="3096">
          <cell r="C3096">
            <v>1.1174999999999999</v>
          </cell>
          <cell r="AT3096">
            <v>2006</v>
          </cell>
          <cell r="AU3096">
            <v>6</v>
          </cell>
        </row>
        <row r="3097">
          <cell r="C3097">
            <v>1.1241000000000001</v>
          </cell>
          <cell r="AT3097">
            <v>2006</v>
          </cell>
          <cell r="AU3097">
            <v>6</v>
          </cell>
        </row>
        <row r="3098">
          <cell r="C3098">
            <v>1.1241000000000001</v>
          </cell>
          <cell r="AT3098">
            <v>2006</v>
          </cell>
          <cell r="AU3098">
            <v>6</v>
          </cell>
        </row>
        <row r="3099">
          <cell r="C3099">
            <v>1.1241000000000001</v>
          </cell>
          <cell r="AT3099">
            <v>2006</v>
          </cell>
          <cell r="AU3099">
            <v>6</v>
          </cell>
        </row>
        <row r="3100">
          <cell r="C3100">
            <v>1.1238999999999999</v>
          </cell>
          <cell r="AT3100">
            <v>2006</v>
          </cell>
          <cell r="AU3100">
            <v>6</v>
          </cell>
        </row>
        <row r="3101">
          <cell r="C3101">
            <v>1.1213</v>
          </cell>
          <cell r="AT3101">
            <v>2006</v>
          </cell>
          <cell r="AU3101">
            <v>6</v>
          </cell>
        </row>
        <row r="3102">
          <cell r="C3102">
            <v>1.1245000000000001</v>
          </cell>
          <cell r="AT3102">
            <v>2006</v>
          </cell>
          <cell r="AU3102">
            <v>6</v>
          </cell>
        </row>
        <row r="3103">
          <cell r="C3103">
            <v>1.1158999999999999</v>
          </cell>
          <cell r="AT3103">
            <v>2006</v>
          </cell>
          <cell r="AU3103">
            <v>6</v>
          </cell>
        </row>
        <row r="3104">
          <cell r="C3104">
            <v>1.115</v>
          </cell>
          <cell r="AT3104">
            <v>2006</v>
          </cell>
          <cell r="AU3104">
            <v>7</v>
          </cell>
        </row>
        <row r="3105">
          <cell r="C3105">
            <v>1.115</v>
          </cell>
          <cell r="AT3105">
            <v>2006</v>
          </cell>
          <cell r="AU3105">
            <v>7</v>
          </cell>
        </row>
        <row r="3106">
          <cell r="C3106">
            <v>1.115</v>
          </cell>
          <cell r="AT3106">
            <v>2006</v>
          </cell>
          <cell r="AU3106">
            <v>7</v>
          </cell>
        </row>
        <row r="3107">
          <cell r="C3107">
            <v>1.115</v>
          </cell>
          <cell r="AT3107">
            <v>2006</v>
          </cell>
          <cell r="AU3107">
            <v>7</v>
          </cell>
        </row>
        <row r="3108">
          <cell r="C3108">
            <v>1.115</v>
          </cell>
          <cell r="AT3108">
            <v>2006</v>
          </cell>
          <cell r="AU3108">
            <v>7</v>
          </cell>
        </row>
        <row r="3109">
          <cell r="C3109">
            <v>1.1116999999999999</v>
          </cell>
          <cell r="AT3109">
            <v>2006</v>
          </cell>
          <cell r="AU3109">
            <v>7</v>
          </cell>
        </row>
        <row r="3110">
          <cell r="C3110">
            <v>1.1116999999999999</v>
          </cell>
          <cell r="AT3110">
            <v>2006</v>
          </cell>
          <cell r="AU3110">
            <v>7</v>
          </cell>
        </row>
        <row r="3111">
          <cell r="C3111">
            <v>1.1133999999999999</v>
          </cell>
          <cell r="AT3111">
            <v>2006</v>
          </cell>
          <cell r="AU3111">
            <v>7</v>
          </cell>
        </row>
        <row r="3112">
          <cell r="C3112">
            <v>1.1133999999999999</v>
          </cell>
          <cell r="AT3112">
            <v>2006</v>
          </cell>
          <cell r="AU3112">
            <v>7</v>
          </cell>
        </row>
        <row r="3113">
          <cell r="C3113">
            <v>1.1133999999999999</v>
          </cell>
          <cell r="AT3113">
            <v>2006</v>
          </cell>
          <cell r="AU3113">
            <v>7</v>
          </cell>
        </row>
        <row r="3114">
          <cell r="C3114">
            <v>1.1246</v>
          </cell>
          <cell r="AT3114">
            <v>2006</v>
          </cell>
          <cell r="AU3114">
            <v>7</v>
          </cell>
        </row>
        <row r="3115">
          <cell r="C3115">
            <v>1.1337999999999999</v>
          </cell>
          <cell r="AT3115">
            <v>2006</v>
          </cell>
          <cell r="AU3115">
            <v>7</v>
          </cell>
        </row>
        <row r="3116">
          <cell r="C3116">
            <v>1.1355</v>
          </cell>
          <cell r="AT3116">
            <v>2006</v>
          </cell>
          <cell r="AU3116">
            <v>7</v>
          </cell>
        </row>
        <row r="3117">
          <cell r="C3117">
            <v>1.1318999999999999</v>
          </cell>
          <cell r="AT3117">
            <v>2006</v>
          </cell>
          <cell r="AU3117">
            <v>7</v>
          </cell>
        </row>
        <row r="3118">
          <cell r="C3118">
            <v>1.1274</v>
          </cell>
          <cell r="AT3118">
            <v>2006</v>
          </cell>
          <cell r="AU3118">
            <v>7</v>
          </cell>
        </row>
        <row r="3119">
          <cell r="C3119">
            <v>1.1274</v>
          </cell>
          <cell r="AT3119">
            <v>2006</v>
          </cell>
          <cell r="AU3119">
            <v>7</v>
          </cell>
        </row>
        <row r="3120">
          <cell r="C3120">
            <v>1.1274</v>
          </cell>
          <cell r="AT3120">
            <v>2006</v>
          </cell>
          <cell r="AU3120">
            <v>7</v>
          </cell>
        </row>
        <row r="3121">
          <cell r="C3121">
            <v>1.1322000000000001</v>
          </cell>
          <cell r="AT3121">
            <v>2006</v>
          </cell>
          <cell r="AU3121">
            <v>7</v>
          </cell>
        </row>
        <row r="3122">
          <cell r="C3122">
            <v>1.1335999999999999</v>
          </cell>
          <cell r="AT3122">
            <v>2006</v>
          </cell>
          <cell r="AU3122">
            <v>7</v>
          </cell>
        </row>
        <row r="3123">
          <cell r="C3123">
            <v>1.1353</v>
          </cell>
          <cell r="AT3123">
            <v>2006</v>
          </cell>
          <cell r="AU3123">
            <v>7</v>
          </cell>
        </row>
        <row r="3124">
          <cell r="C3124">
            <v>1.1341000000000001</v>
          </cell>
          <cell r="AT3124">
            <v>2006</v>
          </cell>
          <cell r="AU3124">
            <v>7</v>
          </cell>
        </row>
        <row r="3125">
          <cell r="C3125">
            <v>1.1375</v>
          </cell>
          <cell r="AT3125">
            <v>2006</v>
          </cell>
          <cell r="AU3125">
            <v>7</v>
          </cell>
        </row>
        <row r="3126">
          <cell r="C3126">
            <v>1.1375</v>
          </cell>
          <cell r="AT3126">
            <v>2006</v>
          </cell>
          <cell r="AU3126">
            <v>7</v>
          </cell>
        </row>
        <row r="3127">
          <cell r="C3127">
            <v>1.1375</v>
          </cell>
          <cell r="AT3127">
            <v>2006</v>
          </cell>
          <cell r="AU3127">
            <v>7</v>
          </cell>
        </row>
        <row r="3128">
          <cell r="C3128">
            <v>1.1415999999999999</v>
          </cell>
          <cell r="AT3128">
            <v>2006</v>
          </cell>
          <cell r="AU3128">
            <v>7</v>
          </cell>
        </row>
        <row r="3129">
          <cell r="C3129">
            <v>1.1414</v>
          </cell>
          <cell r="AT3129">
            <v>2006</v>
          </cell>
          <cell r="AU3129">
            <v>7</v>
          </cell>
        </row>
        <row r="3130">
          <cell r="C3130">
            <v>1.1377999999999999</v>
          </cell>
          <cell r="AT3130">
            <v>2006</v>
          </cell>
          <cell r="AU3130">
            <v>7</v>
          </cell>
        </row>
        <row r="3131">
          <cell r="C3131">
            <v>1.1345000000000001</v>
          </cell>
          <cell r="AT3131">
            <v>2006</v>
          </cell>
          <cell r="AU3131">
            <v>7</v>
          </cell>
        </row>
        <row r="3132">
          <cell r="C3132">
            <v>1.1297999999999999</v>
          </cell>
          <cell r="AT3132">
            <v>2006</v>
          </cell>
          <cell r="AU3132">
            <v>7</v>
          </cell>
        </row>
        <row r="3133">
          <cell r="C3133">
            <v>1.1297999999999999</v>
          </cell>
          <cell r="AT3133">
            <v>2006</v>
          </cell>
          <cell r="AU3133">
            <v>7</v>
          </cell>
        </row>
        <row r="3134">
          <cell r="C3134">
            <v>1.1297999999999999</v>
          </cell>
          <cell r="AT3134">
            <v>2006</v>
          </cell>
          <cell r="AU3134">
            <v>7</v>
          </cell>
        </row>
        <row r="3135">
          <cell r="C3135">
            <v>1.1309</v>
          </cell>
          <cell r="AT3135">
            <v>2006</v>
          </cell>
          <cell r="AU3135">
            <v>8</v>
          </cell>
        </row>
        <row r="3136">
          <cell r="C3136">
            <v>1.1315</v>
          </cell>
          <cell r="AT3136">
            <v>2006</v>
          </cell>
          <cell r="AU3136">
            <v>8</v>
          </cell>
        </row>
        <row r="3137">
          <cell r="C3137">
            <v>1.1258999999999999</v>
          </cell>
          <cell r="AT3137">
            <v>2006</v>
          </cell>
          <cell r="AU3137">
            <v>8</v>
          </cell>
        </row>
        <row r="3138">
          <cell r="C3138">
            <v>1.1263000000000001</v>
          </cell>
          <cell r="AT3138">
            <v>2006</v>
          </cell>
          <cell r="AU3138">
            <v>8</v>
          </cell>
        </row>
        <row r="3139">
          <cell r="C3139">
            <v>1.127</v>
          </cell>
          <cell r="AT3139">
            <v>2006</v>
          </cell>
          <cell r="AU3139">
            <v>8</v>
          </cell>
        </row>
        <row r="3140">
          <cell r="C3140">
            <v>1.127</v>
          </cell>
          <cell r="AT3140">
            <v>2006</v>
          </cell>
          <cell r="AU3140">
            <v>8</v>
          </cell>
        </row>
        <row r="3141">
          <cell r="C3141">
            <v>1.127</v>
          </cell>
          <cell r="AT3141">
            <v>2006</v>
          </cell>
          <cell r="AU3141">
            <v>8</v>
          </cell>
        </row>
        <row r="3142">
          <cell r="C3142">
            <v>1.127</v>
          </cell>
          <cell r="AT3142">
            <v>2006</v>
          </cell>
          <cell r="AU3142">
            <v>8</v>
          </cell>
        </row>
        <row r="3143">
          <cell r="C3143">
            <v>1.1204000000000001</v>
          </cell>
          <cell r="AT3143">
            <v>2006</v>
          </cell>
          <cell r="AU3143">
            <v>8</v>
          </cell>
        </row>
        <row r="3144">
          <cell r="C3144">
            <v>1.1198999999999999</v>
          </cell>
          <cell r="AT3144">
            <v>2006</v>
          </cell>
          <cell r="AU3144">
            <v>8</v>
          </cell>
        </row>
        <row r="3145">
          <cell r="C3145">
            <v>1.1263000000000001</v>
          </cell>
          <cell r="AT3145">
            <v>2006</v>
          </cell>
          <cell r="AU3145">
            <v>8</v>
          </cell>
        </row>
        <row r="3146">
          <cell r="C3146">
            <v>1.1204000000000001</v>
          </cell>
          <cell r="AT3146">
            <v>2006</v>
          </cell>
          <cell r="AU3146">
            <v>8</v>
          </cell>
        </row>
        <row r="3147">
          <cell r="C3147">
            <v>1.1204000000000001</v>
          </cell>
          <cell r="AT3147">
            <v>2006</v>
          </cell>
          <cell r="AU3147">
            <v>8</v>
          </cell>
        </row>
        <row r="3148">
          <cell r="C3148">
            <v>1.1204000000000001</v>
          </cell>
          <cell r="AT3148">
            <v>2006</v>
          </cell>
          <cell r="AU3148">
            <v>8</v>
          </cell>
        </row>
        <row r="3149">
          <cell r="C3149">
            <v>1.1240000000000001</v>
          </cell>
          <cell r="AT3149">
            <v>2006</v>
          </cell>
          <cell r="AU3149">
            <v>8</v>
          </cell>
        </row>
        <row r="3150">
          <cell r="C3150">
            <v>1.1221000000000001</v>
          </cell>
          <cell r="AT3150">
            <v>2006</v>
          </cell>
          <cell r="AU3150">
            <v>8</v>
          </cell>
        </row>
        <row r="3151">
          <cell r="C3151">
            <v>1.1161000000000001</v>
          </cell>
          <cell r="AT3151">
            <v>2006</v>
          </cell>
          <cell r="AU3151">
            <v>8</v>
          </cell>
        </row>
        <row r="3152">
          <cell r="C3152">
            <v>1.1165</v>
          </cell>
          <cell r="AT3152">
            <v>2006</v>
          </cell>
          <cell r="AU3152">
            <v>8</v>
          </cell>
        </row>
        <row r="3153">
          <cell r="C3153">
            <v>1.1233</v>
          </cell>
          <cell r="AT3153">
            <v>2006</v>
          </cell>
          <cell r="AU3153">
            <v>8</v>
          </cell>
        </row>
        <row r="3154">
          <cell r="C3154">
            <v>1.1233</v>
          </cell>
          <cell r="AT3154">
            <v>2006</v>
          </cell>
          <cell r="AU3154">
            <v>8</v>
          </cell>
        </row>
        <row r="3155">
          <cell r="C3155">
            <v>1.1233</v>
          </cell>
          <cell r="AT3155">
            <v>2006</v>
          </cell>
          <cell r="AU3155">
            <v>8</v>
          </cell>
        </row>
        <row r="3156">
          <cell r="C3156">
            <v>1.1184000000000001</v>
          </cell>
          <cell r="AT3156">
            <v>2006</v>
          </cell>
          <cell r="AU3156">
            <v>8</v>
          </cell>
        </row>
        <row r="3157">
          <cell r="C3157">
            <v>1.1153999999999999</v>
          </cell>
          <cell r="AT3157">
            <v>2006</v>
          </cell>
          <cell r="AU3157">
            <v>8</v>
          </cell>
        </row>
        <row r="3158">
          <cell r="C3158">
            <v>1.1101000000000001</v>
          </cell>
          <cell r="AT3158">
            <v>2006</v>
          </cell>
          <cell r="AU3158">
            <v>8</v>
          </cell>
        </row>
        <row r="3159">
          <cell r="C3159">
            <v>1.1111</v>
          </cell>
          <cell r="AT3159">
            <v>2006</v>
          </cell>
          <cell r="AU3159">
            <v>8</v>
          </cell>
        </row>
        <row r="3160">
          <cell r="C3160">
            <v>1.1080000000000001</v>
          </cell>
          <cell r="AT3160">
            <v>2006</v>
          </cell>
          <cell r="AU3160">
            <v>8</v>
          </cell>
        </row>
        <row r="3161">
          <cell r="C3161">
            <v>1.1080000000000001</v>
          </cell>
          <cell r="AT3161">
            <v>2006</v>
          </cell>
          <cell r="AU3161">
            <v>8</v>
          </cell>
        </row>
        <row r="3162">
          <cell r="C3162">
            <v>1.1080000000000001</v>
          </cell>
          <cell r="AT3162">
            <v>2006</v>
          </cell>
          <cell r="AU3162">
            <v>8</v>
          </cell>
        </row>
        <row r="3163">
          <cell r="C3163">
            <v>1.1120000000000001</v>
          </cell>
          <cell r="AT3163">
            <v>2006</v>
          </cell>
          <cell r="AU3163">
            <v>8</v>
          </cell>
        </row>
        <row r="3164">
          <cell r="C3164">
            <v>1.1105</v>
          </cell>
          <cell r="AT3164">
            <v>2006</v>
          </cell>
          <cell r="AU3164">
            <v>8</v>
          </cell>
        </row>
        <row r="3165">
          <cell r="C3165">
            <v>1.1100000000000001</v>
          </cell>
          <cell r="AT3165">
            <v>2006</v>
          </cell>
          <cell r="AU3165">
            <v>8</v>
          </cell>
        </row>
        <row r="3166">
          <cell r="C3166">
            <v>1.1066</v>
          </cell>
          <cell r="AT3166">
            <v>2006</v>
          </cell>
          <cell r="AU3166">
            <v>9</v>
          </cell>
        </row>
        <row r="3167">
          <cell r="C3167">
            <v>1.1055999999999999</v>
          </cell>
          <cell r="AT3167">
            <v>2006</v>
          </cell>
          <cell r="AU3167">
            <v>9</v>
          </cell>
        </row>
        <row r="3168">
          <cell r="C3168">
            <v>1.1055999999999999</v>
          </cell>
          <cell r="AT3168">
            <v>2006</v>
          </cell>
          <cell r="AU3168">
            <v>9</v>
          </cell>
        </row>
        <row r="3169">
          <cell r="C3169">
            <v>1.1055999999999999</v>
          </cell>
          <cell r="AT3169">
            <v>2006</v>
          </cell>
          <cell r="AU3169">
            <v>9</v>
          </cell>
        </row>
        <row r="3170">
          <cell r="C3170">
            <v>1.1055999999999999</v>
          </cell>
          <cell r="AT3170">
            <v>2006</v>
          </cell>
          <cell r="AU3170">
            <v>9</v>
          </cell>
        </row>
        <row r="3171">
          <cell r="C3171">
            <v>1.111</v>
          </cell>
          <cell r="AT3171">
            <v>2006</v>
          </cell>
          <cell r="AU3171">
            <v>9</v>
          </cell>
        </row>
        <row r="3172">
          <cell r="C3172">
            <v>1.1052999999999999</v>
          </cell>
          <cell r="AT3172">
            <v>2006</v>
          </cell>
          <cell r="AU3172">
            <v>9</v>
          </cell>
        </row>
        <row r="3173">
          <cell r="C3173">
            <v>1.1099000000000001</v>
          </cell>
          <cell r="AT3173">
            <v>2006</v>
          </cell>
          <cell r="AU3173">
            <v>9</v>
          </cell>
        </row>
        <row r="3174">
          <cell r="C3174">
            <v>1.119</v>
          </cell>
          <cell r="AT3174">
            <v>2006</v>
          </cell>
          <cell r="AU3174">
            <v>9</v>
          </cell>
        </row>
        <row r="3175">
          <cell r="C3175">
            <v>1.119</v>
          </cell>
          <cell r="AT3175">
            <v>2006</v>
          </cell>
          <cell r="AU3175">
            <v>9</v>
          </cell>
        </row>
        <row r="3176">
          <cell r="C3176">
            <v>1.119</v>
          </cell>
          <cell r="AT3176">
            <v>2006</v>
          </cell>
          <cell r="AU3176">
            <v>9</v>
          </cell>
        </row>
        <row r="3177">
          <cell r="C3177">
            <v>1.1217999999999999</v>
          </cell>
          <cell r="AT3177">
            <v>2006</v>
          </cell>
          <cell r="AU3177">
            <v>9</v>
          </cell>
        </row>
        <row r="3178">
          <cell r="C3178">
            <v>1.1186</v>
          </cell>
          <cell r="AT3178">
            <v>2006</v>
          </cell>
          <cell r="AU3178">
            <v>9</v>
          </cell>
        </row>
        <row r="3179">
          <cell r="C3179">
            <v>1.1191</v>
          </cell>
          <cell r="AT3179">
            <v>2006</v>
          </cell>
          <cell r="AU3179">
            <v>9</v>
          </cell>
        </row>
        <row r="3180">
          <cell r="C3180">
            <v>1.1158999999999999</v>
          </cell>
          <cell r="AT3180">
            <v>2006</v>
          </cell>
          <cell r="AU3180">
            <v>9</v>
          </cell>
        </row>
        <row r="3181">
          <cell r="C3181">
            <v>1.1194999999999999</v>
          </cell>
          <cell r="AT3181">
            <v>2006</v>
          </cell>
          <cell r="AU3181">
            <v>9</v>
          </cell>
        </row>
        <row r="3182">
          <cell r="C3182">
            <v>1.1194999999999999</v>
          </cell>
          <cell r="AT3182">
            <v>2006</v>
          </cell>
          <cell r="AU3182">
            <v>9</v>
          </cell>
        </row>
        <row r="3183">
          <cell r="C3183">
            <v>1.1194999999999999</v>
          </cell>
          <cell r="AT3183">
            <v>2006</v>
          </cell>
          <cell r="AU3183">
            <v>9</v>
          </cell>
        </row>
        <row r="3184">
          <cell r="C3184">
            <v>1.1171</v>
          </cell>
          <cell r="AT3184">
            <v>2006</v>
          </cell>
          <cell r="AU3184">
            <v>9</v>
          </cell>
        </row>
        <row r="3185">
          <cell r="C3185">
            <v>1.1232</v>
          </cell>
          <cell r="AT3185">
            <v>2006</v>
          </cell>
          <cell r="AU3185">
            <v>9</v>
          </cell>
        </row>
        <row r="3186">
          <cell r="C3186">
            <v>1.1273</v>
          </cell>
          <cell r="AT3186">
            <v>2006</v>
          </cell>
          <cell r="AU3186">
            <v>9</v>
          </cell>
        </row>
        <row r="3187">
          <cell r="C3187">
            <v>1.1194999999999999</v>
          </cell>
          <cell r="AT3187">
            <v>2006</v>
          </cell>
          <cell r="AU3187">
            <v>9</v>
          </cell>
        </row>
        <row r="3188">
          <cell r="C3188">
            <v>1.1172</v>
          </cell>
          <cell r="AT3188">
            <v>2006</v>
          </cell>
          <cell r="AU3188">
            <v>9</v>
          </cell>
        </row>
        <row r="3189">
          <cell r="C3189">
            <v>1.1172</v>
          </cell>
          <cell r="AT3189">
            <v>2006</v>
          </cell>
          <cell r="AU3189">
            <v>9</v>
          </cell>
        </row>
        <row r="3190">
          <cell r="C3190">
            <v>1.1172</v>
          </cell>
          <cell r="AT3190">
            <v>2006</v>
          </cell>
          <cell r="AU3190">
            <v>9</v>
          </cell>
        </row>
        <row r="3191">
          <cell r="C3191">
            <v>1.1162000000000001</v>
          </cell>
          <cell r="AT3191">
            <v>2006</v>
          </cell>
          <cell r="AU3191">
            <v>9</v>
          </cell>
        </row>
        <row r="3192">
          <cell r="C3192">
            <v>1.1160000000000001</v>
          </cell>
          <cell r="AT3192">
            <v>2006</v>
          </cell>
          <cell r="AU3192">
            <v>9</v>
          </cell>
        </row>
        <row r="3193">
          <cell r="C3193">
            <v>1.1151</v>
          </cell>
          <cell r="AT3193">
            <v>2006</v>
          </cell>
          <cell r="AU3193">
            <v>9</v>
          </cell>
        </row>
        <row r="3194">
          <cell r="C3194">
            <v>1.1109</v>
          </cell>
          <cell r="AT3194">
            <v>2006</v>
          </cell>
          <cell r="AU3194">
            <v>9</v>
          </cell>
        </row>
        <row r="3195">
          <cell r="C3195">
            <v>1.1153</v>
          </cell>
          <cell r="AT3195">
            <v>2006</v>
          </cell>
          <cell r="AU3195">
            <v>9</v>
          </cell>
        </row>
        <row r="3196">
          <cell r="C3196">
            <v>1.1153</v>
          </cell>
          <cell r="AT3196">
            <v>2006</v>
          </cell>
          <cell r="AU3196">
            <v>10</v>
          </cell>
        </row>
        <row r="3197">
          <cell r="C3197">
            <v>1.1153</v>
          </cell>
          <cell r="AT3197">
            <v>2006</v>
          </cell>
          <cell r="AU3197">
            <v>10</v>
          </cell>
        </row>
        <row r="3198">
          <cell r="C3198">
            <v>1.1154999999999999</v>
          </cell>
          <cell r="AT3198">
            <v>2006</v>
          </cell>
          <cell r="AU3198">
            <v>10</v>
          </cell>
        </row>
        <row r="3199">
          <cell r="C3199">
            <v>1.1211</v>
          </cell>
          <cell r="AT3199">
            <v>2006</v>
          </cell>
          <cell r="AU3199">
            <v>10</v>
          </cell>
        </row>
        <row r="3200">
          <cell r="C3200">
            <v>1.1287</v>
          </cell>
          <cell r="AT3200">
            <v>2006</v>
          </cell>
          <cell r="AU3200">
            <v>10</v>
          </cell>
        </row>
        <row r="3201">
          <cell r="C3201">
            <v>1.1269</v>
          </cell>
          <cell r="AT3201">
            <v>2006</v>
          </cell>
          <cell r="AU3201">
            <v>10</v>
          </cell>
        </row>
        <row r="3202">
          <cell r="C3202">
            <v>1.1264000000000001</v>
          </cell>
          <cell r="AT3202">
            <v>2006</v>
          </cell>
          <cell r="AU3202">
            <v>10</v>
          </cell>
        </row>
        <row r="3203">
          <cell r="C3203">
            <v>1.1264000000000001</v>
          </cell>
          <cell r="AT3203">
            <v>2006</v>
          </cell>
          <cell r="AU3203">
            <v>10</v>
          </cell>
        </row>
        <row r="3204">
          <cell r="C3204">
            <v>1.1264000000000001</v>
          </cell>
          <cell r="AT3204">
            <v>2006</v>
          </cell>
          <cell r="AU3204">
            <v>10</v>
          </cell>
        </row>
        <row r="3205">
          <cell r="C3205">
            <v>1.1264000000000001</v>
          </cell>
          <cell r="AT3205">
            <v>2006</v>
          </cell>
          <cell r="AU3205">
            <v>10</v>
          </cell>
        </row>
        <row r="3206">
          <cell r="C3206">
            <v>1.1318999999999999</v>
          </cell>
          <cell r="AT3206">
            <v>2006</v>
          </cell>
          <cell r="AU3206">
            <v>10</v>
          </cell>
        </row>
        <row r="3207">
          <cell r="C3207">
            <v>1.1357999999999999</v>
          </cell>
          <cell r="AT3207">
            <v>2006</v>
          </cell>
          <cell r="AU3207">
            <v>10</v>
          </cell>
        </row>
        <row r="3208">
          <cell r="C3208">
            <v>1.1356999999999999</v>
          </cell>
          <cell r="AT3208">
            <v>2006</v>
          </cell>
          <cell r="AU3208">
            <v>10</v>
          </cell>
        </row>
        <row r="3209">
          <cell r="C3209">
            <v>1.1367</v>
          </cell>
          <cell r="AT3209">
            <v>2006</v>
          </cell>
          <cell r="AU3209">
            <v>10</v>
          </cell>
        </row>
        <row r="3210">
          <cell r="C3210">
            <v>1.1367</v>
          </cell>
          <cell r="AT3210">
            <v>2006</v>
          </cell>
          <cell r="AU3210">
            <v>10</v>
          </cell>
        </row>
        <row r="3211">
          <cell r="C3211">
            <v>1.1367</v>
          </cell>
          <cell r="AT3211">
            <v>2006</v>
          </cell>
          <cell r="AU3211">
            <v>10</v>
          </cell>
        </row>
        <row r="3212">
          <cell r="C3212">
            <v>1.1385000000000001</v>
          </cell>
          <cell r="AT3212">
            <v>2006</v>
          </cell>
          <cell r="AU3212">
            <v>10</v>
          </cell>
        </row>
        <row r="3213">
          <cell r="C3213">
            <v>1.1379999999999999</v>
          </cell>
          <cell r="AT3213">
            <v>2006</v>
          </cell>
          <cell r="AU3213">
            <v>10</v>
          </cell>
        </row>
        <row r="3214">
          <cell r="C3214">
            <v>1.1378999999999999</v>
          </cell>
          <cell r="AT3214">
            <v>2006</v>
          </cell>
          <cell r="AU3214">
            <v>10</v>
          </cell>
        </row>
        <row r="3215">
          <cell r="C3215">
            <v>1.1317999999999999</v>
          </cell>
          <cell r="AT3215">
            <v>2006</v>
          </cell>
          <cell r="AU3215">
            <v>10</v>
          </cell>
        </row>
        <row r="3216">
          <cell r="C3216">
            <v>1.1251</v>
          </cell>
          <cell r="AT3216">
            <v>2006</v>
          </cell>
          <cell r="AU3216">
            <v>10</v>
          </cell>
        </row>
        <row r="3217">
          <cell r="C3217">
            <v>1.1251</v>
          </cell>
          <cell r="AT3217">
            <v>2006</v>
          </cell>
          <cell r="AU3217">
            <v>10</v>
          </cell>
        </row>
        <row r="3218">
          <cell r="C3218">
            <v>1.1251</v>
          </cell>
          <cell r="AT3218">
            <v>2006</v>
          </cell>
          <cell r="AU3218">
            <v>10</v>
          </cell>
        </row>
        <row r="3219">
          <cell r="C3219">
            <v>1.1282000000000001</v>
          </cell>
          <cell r="AT3219">
            <v>2006</v>
          </cell>
          <cell r="AU3219">
            <v>10</v>
          </cell>
        </row>
        <row r="3220">
          <cell r="C3220">
            <v>1.1272</v>
          </cell>
          <cell r="AT3220">
            <v>2006</v>
          </cell>
          <cell r="AU3220">
            <v>10</v>
          </cell>
        </row>
        <row r="3221">
          <cell r="C3221">
            <v>1.1248</v>
          </cell>
          <cell r="AT3221">
            <v>2006</v>
          </cell>
          <cell r="AU3221">
            <v>10</v>
          </cell>
        </row>
        <row r="3222">
          <cell r="C3222">
            <v>1.1254</v>
          </cell>
          <cell r="AT3222">
            <v>2006</v>
          </cell>
          <cell r="AU3222">
            <v>10</v>
          </cell>
        </row>
        <row r="3223">
          <cell r="C3223">
            <v>1.1188</v>
          </cell>
          <cell r="AT3223">
            <v>2006</v>
          </cell>
          <cell r="AU3223">
            <v>10</v>
          </cell>
        </row>
        <row r="3224">
          <cell r="C3224">
            <v>1.1188</v>
          </cell>
          <cell r="AT3224">
            <v>2006</v>
          </cell>
          <cell r="AU3224">
            <v>10</v>
          </cell>
        </row>
        <row r="3225">
          <cell r="C3225">
            <v>1.1188</v>
          </cell>
          <cell r="AT3225">
            <v>2006</v>
          </cell>
          <cell r="AU3225">
            <v>10</v>
          </cell>
        </row>
        <row r="3226">
          <cell r="C3226">
            <v>1.1234999999999999</v>
          </cell>
          <cell r="AT3226">
            <v>2006</v>
          </cell>
          <cell r="AU3226">
            <v>10</v>
          </cell>
        </row>
        <row r="3227">
          <cell r="C3227">
            <v>1.1227</v>
          </cell>
          <cell r="AT3227">
            <v>2006</v>
          </cell>
          <cell r="AU3227">
            <v>11</v>
          </cell>
        </row>
        <row r="3228">
          <cell r="C3228">
            <v>1.1315</v>
          </cell>
          <cell r="AT3228">
            <v>2006</v>
          </cell>
          <cell r="AU3228">
            <v>11</v>
          </cell>
        </row>
        <row r="3229">
          <cell r="C3229">
            <v>1.1362000000000001</v>
          </cell>
          <cell r="AT3229">
            <v>2006</v>
          </cell>
          <cell r="AU3229">
            <v>11</v>
          </cell>
        </row>
        <row r="3230">
          <cell r="C3230">
            <v>1.129</v>
          </cell>
          <cell r="AT3230">
            <v>2006</v>
          </cell>
          <cell r="AU3230">
            <v>11</v>
          </cell>
        </row>
        <row r="3231">
          <cell r="C3231">
            <v>1.129</v>
          </cell>
          <cell r="AT3231">
            <v>2006</v>
          </cell>
          <cell r="AU3231">
            <v>11</v>
          </cell>
        </row>
        <row r="3232">
          <cell r="C3232">
            <v>1.129</v>
          </cell>
          <cell r="AT3232">
            <v>2006</v>
          </cell>
          <cell r="AU3232">
            <v>11</v>
          </cell>
        </row>
        <row r="3233">
          <cell r="C3233">
            <v>1.1293</v>
          </cell>
          <cell r="AT3233">
            <v>2006</v>
          </cell>
          <cell r="AU3233">
            <v>11</v>
          </cell>
        </row>
        <row r="3234">
          <cell r="C3234">
            <v>1.1276999999999999</v>
          </cell>
          <cell r="AT3234">
            <v>2006</v>
          </cell>
          <cell r="AU3234">
            <v>11</v>
          </cell>
        </row>
        <row r="3235">
          <cell r="C3235">
            <v>1.1276999999999999</v>
          </cell>
          <cell r="AT3235">
            <v>2006</v>
          </cell>
          <cell r="AU3235">
            <v>11</v>
          </cell>
        </row>
        <row r="3236">
          <cell r="C3236">
            <v>1.1292</v>
          </cell>
          <cell r="AT3236">
            <v>2006</v>
          </cell>
          <cell r="AU3236">
            <v>11</v>
          </cell>
        </row>
        <row r="3237">
          <cell r="C3237">
            <v>1.1307</v>
          </cell>
          <cell r="AT3237">
            <v>2006</v>
          </cell>
          <cell r="AU3237">
            <v>11</v>
          </cell>
        </row>
        <row r="3238">
          <cell r="C3238">
            <v>1.1307</v>
          </cell>
          <cell r="AT3238">
            <v>2006</v>
          </cell>
          <cell r="AU3238">
            <v>11</v>
          </cell>
        </row>
        <row r="3239">
          <cell r="C3239">
            <v>1.1307</v>
          </cell>
          <cell r="AT3239">
            <v>2006</v>
          </cell>
          <cell r="AU3239">
            <v>11</v>
          </cell>
        </row>
        <row r="3240">
          <cell r="C3240">
            <v>1.1307</v>
          </cell>
          <cell r="AT3240">
            <v>2006</v>
          </cell>
          <cell r="AU3240">
            <v>11</v>
          </cell>
        </row>
        <row r="3241">
          <cell r="C3241">
            <v>1.1395</v>
          </cell>
          <cell r="AT3241">
            <v>2006</v>
          </cell>
          <cell r="AU3241">
            <v>11</v>
          </cell>
        </row>
        <row r="3242">
          <cell r="C3242">
            <v>1.139</v>
          </cell>
          <cell r="AT3242">
            <v>2006</v>
          </cell>
          <cell r="AU3242">
            <v>11</v>
          </cell>
        </row>
        <row r="3243">
          <cell r="C3243">
            <v>1.1404000000000001</v>
          </cell>
          <cell r="AT3243">
            <v>2006</v>
          </cell>
          <cell r="AU3243">
            <v>11</v>
          </cell>
        </row>
        <row r="3244">
          <cell r="C3244">
            <v>1.1458999999999999</v>
          </cell>
          <cell r="AT3244">
            <v>2006</v>
          </cell>
          <cell r="AU3244">
            <v>11</v>
          </cell>
        </row>
        <row r="3245">
          <cell r="C3245">
            <v>1.1458999999999999</v>
          </cell>
          <cell r="AT3245">
            <v>2006</v>
          </cell>
          <cell r="AU3245">
            <v>11</v>
          </cell>
        </row>
        <row r="3246">
          <cell r="C3246">
            <v>1.1458999999999999</v>
          </cell>
          <cell r="AT3246">
            <v>2006</v>
          </cell>
          <cell r="AU3246">
            <v>11</v>
          </cell>
        </row>
        <row r="3247">
          <cell r="C3247">
            <v>1.1473</v>
          </cell>
          <cell r="AT3247">
            <v>2006</v>
          </cell>
          <cell r="AU3247">
            <v>11</v>
          </cell>
        </row>
        <row r="3248">
          <cell r="C3248">
            <v>1.1474</v>
          </cell>
          <cell r="AT3248">
            <v>2006</v>
          </cell>
          <cell r="AU3248">
            <v>11</v>
          </cell>
        </row>
        <row r="3249">
          <cell r="C3249">
            <v>1.1413</v>
          </cell>
          <cell r="AT3249">
            <v>2006</v>
          </cell>
          <cell r="AU3249">
            <v>11</v>
          </cell>
        </row>
        <row r="3250">
          <cell r="C3250">
            <v>1.1413</v>
          </cell>
          <cell r="AT3250">
            <v>2006</v>
          </cell>
          <cell r="AU3250">
            <v>11</v>
          </cell>
        </row>
        <row r="3251">
          <cell r="C3251">
            <v>1.1413</v>
          </cell>
          <cell r="AT3251">
            <v>2006</v>
          </cell>
          <cell r="AU3251">
            <v>11</v>
          </cell>
        </row>
        <row r="3252">
          <cell r="C3252">
            <v>1.1413</v>
          </cell>
          <cell r="AT3252">
            <v>2006</v>
          </cell>
          <cell r="AU3252">
            <v>11</v>
          </cell>
        </row>
        <row r="3253">
          <cell r="C3253">
            <v>1.1413</v>
          </cell>
          <cell r="AT3253">
            <v>2006</v>
          </cell>
          <cell r="AU3253">
            <v>11</v>
          </cell>
        </row>
        <row r="3254">
          <cell r="C3254">
            <v>1.133</v>
          </cell>
          <cell r="AT3254">
            <v>2006</v>
          </cell>
          <cell r="AU3254">
            <v>11</v>
          </cell>
        </row>
        <row r="3255">
          <cell r="C3255">
            <v>1.1311</v>
          </cell>
          <cell r="AT3255">
            <v>2006</v>
          </cell>
          <cell r="AU3255">
            <v>11</v>
          </cell>
        </row>
        <row r="3256">
          <cell r="C3256">
            <v>1.1359999999999999</v>
          </cell>
          <cell r="AT3256">
            <v>2006</v>
          </cell>
          <cell r="AU3256">
            <v>11</v>
          </cell>
        </row>
        <row r="3257">
          <cell r="C3257">
            <v>1.1415</v>
          </cell>
          <cell r="AT3257">
            <v>2006</v>
          </cell>
          <cell r="AU3257">
            <v>12</v>
          </cell>
        </row>
        <row r="3258">
          <cell r="C3258">
            <v>1.1445000000000001</v>
          </cell>
          <cell r="AT3258">
            <v>2006</v>
          </cell>
          <cell r="AU3258">
            <v>12</v>
          </cell>
        </row>
        <row r="3259">
          <cell r="C3259">
            <v>1.1445000000000001</v>
          </cell>
          <cell r="AT3259">
            <v>2006</v>
          </cell>
          <cell r="AU3259">
            <v>12</v>
          </cell>
        </row>
        <row r="3260">
          <cell r="C3260">
            <v>1.1445000000000001</v>
          </cell>
          <cell r="AT3260">
            <v>2006</v>
          </cell>
          <cell r="AU3260">
            <v>12</v>
          </cell>
        </row>
        <row r="3261">
          <cell r="C3261">
            <v>1.1454</v>
          </cell>
          <cell r="AT3261">
            <v>2006</v>
          </cell>
          <cell r="AU3261">
            <v>12</v>
          </cell>
        </row>
        <row r="3262">
          <cell r="C3262">
            <v>1.1416999999999999</v>
          </cell>
          <cell r="AT3262">
            <v>2006</v>
          </cell>
          <cell r="AU3262">
            <v>12</v>
          </cell>
        </row>
        <row r="3263">
          <cell r="C3263">
            <v>1.1469</v>
          </cell>
          <cell r="AT3263">
            <v>2006</v>
          </cell>
          <cell r="AU3263">
            <v>12</v>
          </cell>
        </row>
        <row r="3264">
          <cell r="C3264">
            <v>1.1480999999999999</v>
          </cell>
          <cell r="AT3264">
            <v>2006</v>
          </cell>
          <cell r="AU3264">
            <v>12</v>
          </cell>
        </row>
        <row r="3265">
          <cell r="C3265">
            <v>1.1500999999999999</v>
          </cell>
          <cell r="AT3265">
            <v>2006</v>
          </cell>
          <cell r="AU3265">
            <v>12</v>
          </cell>
        </row>
        <row r="3266">
          <cell r="C3266">
            <v>1.1500999999999999</v>
          </cell>
          <cell r="AT3266">
            <v>2006</v>
          </cell>
          <cell r="AU3266">
            <v>12</v>
          </cell>
        </row>
        <row r="3267">
          <cell r="C3267">
            <v>1.1500999999999999</v>
          </cell>
          <cell r="AT3267">
            <v>2006</v>
          </cell>
          <cell r="AU3267">
            <v>12</v>
          </cell>
        </row>
        <row r="3268">
          <cell r="C3268">
            <v>1.1475</v>
          </cell>
          <cell r="AT3268">
            <v>2006</v>
          </cell>
          <cell r="AU3268">
            <v>12</v>
          </cell>
        </row>
        <row r="3269">
          <cell r="C3269">
            <v>1.1548</v>
          </cell>
          <cell r="AT3269">
            <v>2006</v>
          </cell>
          <cell r="AU3269">
            <v>12</v>
          </cell>
        </row>
        <row r="3270">
          <cell r="C3270">
            <v>1.1545000000000001</v>
          </cell>
          <cell r="AT3270">
            <v>2006</v>
          </cell>
          <cell r="AU3270">
            <v>12</v>
          </cell>
        </row>
        <row r="3271">
          <cell r="C3271">
            <v>1.1568000000000001</v>
          </cell>
          <cell r="AT3271">
            <v>2006</v>
          </cell>
          <cell r="AU3271">
            <v>12</v>
          </cell>
        </row>
        <row r="3272">
          <cell r="C3272">
            <v>1.1574</v>
          </cell>
          <cell r="AT3272">
            <v>2006</v>
          </cell>
          <cell r="AU3272">
            <v>12</v>
          </cell>
        </row>
        <row r="3273">
          <cell r="C3273">
            <v>1.1574</v>
          </cell>
          <cell r="AT3273">
            <v>2006</v>
          </cell>
          <cell r="AU3273">
            <v>12</v>
          </cell>
        </row>
        <row r="3274">
          <cell r="C3274">
            <v>1.1574</v>
          </cell>
          <cell r="AT3274">
            <v>2006</v>
          </cell>
          <cell r="AU3274">
            <v>12</v>
          </cell>
        </row>
        <row r="3275">
          <cell r="C3275">
            <v>1.1574</v>
          </cell>
          <cell r="AT3275">
            <v>2006</v>
          </cell>
          <cell r="AU3275">
            <v>12</v>
          </cell>
        </row>
        <row r="3276">
          <cell r="C3276">
            <v>1.1557999999999999</v>
          </cell>
          <cell r="AT3276">
            <v>2006</v>
          </cell>
          <cell r="AU3276">
            <v>12</v>
          </cell>
        </row>
        <row r="3277">
          <cell r="C3277">
            <v>1.1486000000000001</v>
          </cell>
          <cell r="AT3277">
            <v>2006</v>
          </cell>
          <cell r="AU3277">
            <v>12</v>
          </cell>
        </row>
        <row r="3278">
          <cell r="C3278">
            <v>1.1536999999999999</v>
          </cell>
          <cell r="AT3278">
            <v>2006</v>
          </cell>
          <cell r="AU3278">
            <v>12</v>
          </cell>
        </row>
        <row r="3279">
          <cell r="C3279">
            <v>1.1574</v>
          </cell>
          <cell r="AT3279">
            <v>2006</v>
          </cell>
          <cell r="AU3279">
            <v>12</v>
          </cell>
        </row>
        <row r="3280">
          <cell r="C3280">
            <v>1.1574</v>
          </cell>
          <cell r="AT3280">
            <v>2006</v>
          </cell>
          <cell r="AU3280">
            <v>12</v>
          </cell>
        </row>
        <row r="3281">
          <cell r="C3281">
            <v>1.1574</v>
          </cell>
          <cell r="AT3281">
            <v>2006</v>
          </cell>
          <cell r="AU3281">
            <v>12</v>
          </cell>
        </row>
        <row r="3282">
          <cell r="C3282">
            <v>1.1574</v>
          </cell>
          <cell r="AT3282">
            <v>2006</v>
          </cell>
          <cell r="AU3282">
            <v>12</v>
          </cell>
        </row>
        <row r="3283">
          <cell r="C3283">
            <v>1.1574</v>
          </cell>
          <cell r="AT3283">
            <v>2006</v>
          </cell>
          <cell r="AU3283">
            <v>12</v>
          </cell>
        </row>
        <row r="3284">
          <cell r="C3284">
            <v>1.1612</v>
          </cell>
          <cell r="AT3284">
            <v>2006</v>
          </cell>
          <cell r="AU3284">
            <v>12</v>
          </cell>
        </row>
        <row r="3285">
          <cell r="C3285">
            <v>1.1598999999999999</v>
          </cell>
          <cell r="AT3285">
            <v>2006</v>
          </cell>
          <cell r="AU3285">
            <v>12</v>
          </cell>
        </row>
        <row r="3286">
          <cell r="C3286">
            <v>1.1649</v>
          </cell>
          <cell r="AT3286">
            <v>2006</v>
          </cell>
          <cell r="AU3286">
            <v>12</v>
          </cell>
        </row>
        <row r="3287">
          <cell r="C3287">
            <v>1.1649</v>
          </cell>
          <cell r="AT3287">
            <v>2006</v>
          </cell>
          <cell r="AU3287">
            <v>12</v>
          </cell>
        </row>
        <row r="3288">
          <cell r="C3288">
            <v>1.1649</v>
          </cell>
          <cell r="AT3288">
            <v>2007</v>
          </cell>
          <cell r="AU3288">
            <v>1</v>
          </cell>
        </row>
        <row r="3289">
          <cell r="C3289">
            <v>1.1649</v>
          </cell>
          <cell r="AT3289">
            <v>2007</v>
          </cell>
          <cell r="AU3289">
            <v>1</v>
          </cell>
        </row>
        <row r="3290">
          <cell r="C3290">
            <v>1.1649</v>
          </cell>
          <cell r="AT3290">
            <v>2007</v>
          </cell>
          <cell r="AU3290">
            <v>1</v>
          </cell>
        </row>
        <row r="3291">
          <cell r="C3291">
            <v>1.1698999999999999</v>
          </cell>
          <cell r="AT3291">
            <v>2007</v>
          </cell>
          <cell r="AU3291">
            <v>1</v>
          </cell>
        </row>
        <row r="3292">
          <cell r="C3292">
            <v>1.1767000000000001</v>
          </cell>
          <cell r="AT3292">
            <v>2007</v>
          </cell>
          <cell r="AU3292">
            <v>1</v>
          </cell>
        </row>
        <row r="3293">
          <cell r="C3293">
            <v>1.1755</v>
          </cell>
          <cell r="AT3293">
            <v>2007</v>
          </cell>
          <cell r="AU3293">
            <v>1</v>
          </cell>
        </row>
        <row r="3294">
          <cell r="C3294">
            <v>1.1755</v>
          </cell>
          <cell r="AT3294">
            <v>2007</v>
          </cell>
          <cell r="AU3294">
            <v>1</v>
          </cell>
        </row>
        <row r="3295">
          <cell r="C3295">
            <v>1.1755</v>
          </cell>
          <cell r="AT3295">
            <v>2007</v>
          </cell>
          <cell r="AU3295">
            <v>1</v>
          </cell>
        </row>
        <row r="3296">
          <cell r="C3296">
            <v>1.1777</v>
          </cell>
          <cell r="AT3296">
            <v>2007</v>
          </cell>
          <cell r="AU3296">
            <v>1</v>
          </cell>
        </row>
        <row r="3297">
          <cell r="C3297">
            <v>1.1783999999999999</v>
          </cell>
          <cell r="AT3297">
            <v>2007</v>
          </cell>
          <cell r="AU3297">
            <v>1</v>
          </cell>
        </row>
        <row r="3298">
          <cell r="C3298">
            <v>1.1772</v>
          </cell>
          <cell r="AT3298">
            <v>2007</v>
          </cell>
          <cell r="AU3298">
            <v>1</v>
          </cell>
        </row>
        <row r="3299">
          <cell r="C3299">
            <v>1.1761999999999999</v>
          </cell>
          <cell r="AT3299">
            <v>2007</v>
          </cell>
          <cell r="AU3299">
            <v>1</v>
          </cell>
        </row>
        <row r="3300">
          <cell r="C3300">
            <v>1.1701999999999999</v>
          </cell>
          <cell r="AT3300">
            <v>2007</v>
          </cell>
          <cell r="AU3300">
            <v>1</v>
          </cell>
        </row>
        <row r="3301">
          <cell r="C3301">
            <v>1.1701999999999999</v>
          </cell>
          <cell r="AT3301">
            <v>2007</v>
          </cell>
          <cell r="AU3301">
            <v>1</v>
          </cell>
        </row>
        <row r="3302">
          <cell r="C3302">
            <v>1.1701999999999999</v>
          </cell>
          <cell r="AT3302">
            <v>2007</v>
          </cell>
          <cell r="AU3302">
            <v>1</v>
          </cell>
        </row>
        <row r="3303">
          <cell r="C3303">
            <v>1.1701999999999999</v>
          </cell>
          <cell r="AT3303">
            <v>2007</v>
          </cell>
          <cell r="AU3303">
            <v>1</v>
          </cell>
        </row>
        <row r="3304">
          <cell r="C3304">
            <v>1.1746000000000001</v>
          </cell>
          <cell r="AT3304">
            <v>2007</v>
          </cell>
          <cell r="AU3304">
            <v>1</v>
          </cell>
        </row>
        <row r="3305">
          <cell r="C3305">
            <v>1.1737</v>
          </cell>
          <cell r="AT3305">
            <v>2007</v>
          </cell>
          <cell r="AU3305">
            <v>1</v>
          </cell>
        </row>
        <row r="3306">
          <cell r="C3306">
            <v>1.1752</v>
          </cell>
          <cell r="AT3306">
            <v>2007</v>
          </cell>
          <cell r="AU3306">
            <v>1</v>
          </cell>
        </row>
        <row r="3307">
          <cell r="C3307">
            <v>1.1719999999999999</v>
          </cell>
          <cell r="AT3307">
            <v>2007</v>
          </cell>
          <cell r="AU3307">
            <v>1</v>
          </cell>
        </row>
        <row r="3308">
          <cell r="C3308">
            <v>1.1719999999999999</v>
          </cell>
          <cell r="AT3308">
            <v>2007</v>
          </cell>
          <cell r="AU3308">
            <v>1</v>
          </cell>
        </row>
        <row r="3309">
          <cell r="C3309">
            <v>1.1719999999999999</v>
          </cell>
          <cell r="AT3309">
            <v>2007</v>
          </cell>
          <cell r="AU3309">
            <v>1</v>
          </cell>
        </row>
        <row r="3310">
          <cell r="C3310">
            <v>1.1758999999999999</v>
          </cell>
          <cell r="AT3310">
            <v>2007</v>
          </cell>
          <cell r="AU3310">
            <v>1</v>
          </cell>
        </row>
        <row r="3311">
          <cell r="C3311">
            <v>1.1816</v>
          </cell>
          <cell r="AT3311">
            <v>2007</v>
          </cell>
          <cell r="AU3311">
            <v>1</v>
          </cell>
        </row>
        <row r="3312">
          <cell r="C3312">
            <v>1.1823999999999999</v>
          </cell>
          <cell r="AT3312">
            <v>2007</v>
          </cell>
          <cell r="AU3312">
            <v>1</v>
          </cell>
        </row>
        <row r="3313">
          <cell r="C3313">
            <v>1.1782999999999999</v>
          </cell>
          <cell r="AT3313">
            <v>2007</v>
          </cell>
          <cell r="AU3313">
            <v>1</v>
          </cell>
        </row>
        <row r="3314">
          <cell r="C3314">
            <v>1.1798</v>
          </cell>
          <cell r="AT3314">
            <v>2007</v>
          </cell>
          <cell r="AU3314">
            <v>1</v>
          </cell>
        </row>
        <row r="3315">
          <cell r="C3315">
            <v>1.1798</v>
          </cell>
          <cell r="AT3315">
            <v>2007</v>
          </cell>
          <cell r="AU3315">
            <v>1</v>
          </cell>
        </row>
        <row r="3316">
          <cell r="C3316">
            <v>1.1798</v>
          </cell>
          <cell r="AT3316">
            <v>2007</v>
          </cell>
          <cell r="AU3316">
            <v>1</v>
          </cell>
        </row>
        <row r="3317">
          <cell r="C3317">
            <v>1.1816</v>
          </cell>
          <cell r="AT3317">
            <v>2007</v>
          </cell>
          <cell r="AU3317">
            <v>1</v>
          </cell>
        </row>
        <row r="3318">
          <cell r="C3318">
            <v>1.1814</v>
          </cell>
          <cell r="AT3318">
            <v>2007</v>
          </cell>
          <cell r="AU3318">
            <v>1</v>
          </cell>
        </row>
        <row r="3319">
          <cell r="C3319">
            <v>1.1792</v>
          </cell>
          <cell r="AT3319">
            <v>2007</v>
          </cell>
          <cell r="AU3319">
            <v>2</v>
          </cell>
        </row>
        <row r="3320">
          <cell r="C3320">
            <v>1.1755</v>
          </cell>
          <cell r="AT3320">
            <v>2007</v>
          </cell>
          <cell r="AU3320">
            <v>2</v>
          </cell>
        </row>
        <row r="3321">
          <cell r="C3321">
            <v>1.1838</v>
          </cell>
          <cell r="AT3321">
            <v>2007</v>
          </cell>
          <cell r="AU3321">
            <v>2</v>
          </cell>
        </row>
        <row r="3322">
          <cell r="C3322">
            <v>1.1838</v>
          </cell>
          <cell r="AT3322">
            <v>2007</v>
          </cell>
          <cell r="AU3322">
            <v>2</v>
          </cell>
        </row>
        <row r="3323">
          <cell r="C3323">
            <v>1.1838</v>
          </cell>
          <cell r="AT3323">
            <v>2007</v>
          </cell>
          <cell r="AU3323">
            <v>2</v>
          </cell>
        </row>
        <row r="3324">
          <cell r="C3324">
            <v>1.1818</v>
          </cell>
          <cell r="AT3324">
            <v>2007</v>
          </cell>
          <cell r="AU3324">
            <v>2</v>
          </cell>
        </row>
        <row r="3325">
          <cell r="C3325">
            <v>1.1819999999999999</v>
          </cell>
          <cell r="AT3325">
            <v>2007</v>
          </cell>
          <cell r="AU3325">
            <v>2</v>
          </cell>
        </row>
        <row r="3326">
          <cell r="C3326">
            <v>1.1852</v>
          </cell>
          <cell r="AT3326">
            <v>2007</v>
          </cell>
          <cell r="AU3326">
            <v>2</v>
          </cell>
        </row>
        <row r="3327">
          <cell r="C3327">
            <v>1.1853</v>
          </cell>
          <cell r="AT3327">
            <v>2007</v>
          </cell>
          <cell r="AU3327">
            <v>2</v>
          </cell>
        </row>
        <row r="3328">
          <cell r="C3328">
            <v>1.1738999999999999</v>
          </cell>
          <cell r="AT3328">
            <v>2007</v>
          </cell>
          <cell r="AU3328">
            <v>2</v>
          </cell>
        </row>
        <row r="3329">
          <cell r="C3329">
            <v>1.1738999999999999</v>
          </cell>
          <cell r="AT3329">
            <v>2007</v>
          </cell>
          <cell r="AU3329">
            <v>2</v>
          </cell>
        </row>
        <row r="3330">
          <cell r="C3330">
            <v>1.1738999999999999</v>
          </cell>
          <cell r="AT3330">
            <v>2007</v>
          </cell>
          <cell r="AU3330">
            <v>2</v>
          </cell>
        </row>
        <row r="3331">
          <cell r="C3331">
            <v>1.1746000000000001</v>
          </cell>
          <cell r="AT3331">
            <v>2007</v>
          </cell>
          <cell r="AU3331">
            <v>2</v>
          </cell>
        </row>
        <row r="3332">
          <cell r="C3332">
            <v>1.1686000000000001</v>
          </cell>
          <cell r="AT3332">
            <v>2007</v>
          </cell>
          <cell r="AU3332">
            <v>2</v>
          </cell>
        </row>
        <row r="3333">
          <cell r="C3333">
            <v>1.1659999999999999</v>
          </cell>
          <cell r="AT3333">
            <v>2007</v>
          </cell>
          <cell r="AU3333">
            <v>2</v>
          </cell>
        </row>
        <row r="3334">
          <cell r="C3334">
            <v>1.1638999999999999</v>
          </cell>
          <cell r="AT3334">
            <v>2007</v>
          </cell>
          <cell r="AU3334">
            <v>2</v>
          </cell>
        </row>
        <row r="3335">
          <cell r="C3335">
            <v>1.1637</v>
          </cell>
          <cell r="AT3335">
            <v>2007</v>
          </cell>
          <cell r="AU3335">
            <v>2</v>
          </cell>
        </row>
        <row r="3336">
          <cell r="C3336">
            <v>1.1637</v>
          </cell>
          <cell r="AT3336">
            <v>2007</v>
          </cell>
          <cell r="AU3336">
            <v>2</v>
          </cell>
        </row>
        <row r="3337">
          <cell r="C3337">
            <v>1.1637</v>
          </cell>
          <cell r="AT3337">
            <v>2007</v>
          </cell>
          <cell r="AU3337">
            <v>2</v>
          </cell>
        </row>
        <row r="3338">
          <cell r="C3338">
            <v>1.1637</v>
          </cell>
          <cell r="AT3338">
            <v>2007</v>
          </cell>
          <cell r="AU3338">
            <v>2</v>
          </cell>
        </row>
        <row r="3339">
          <cell r="C3339">
            <v>1.1698</v>
          </cell>
          <cell r="AT3339">
            <v>2007</v>
          </cell>
          <cell r="AU3339">
            <v>2</v>
          </cell>
        </row>
        <row r="3340">
          <cell r="C3340">
            <v>1.1612</v>
          </cell>
          <cell r="AT3340">
            <v>2007</v>
          </cell>
          <cell r="AU3340">
            <v>2</v>
          </cell>
        </row>
        <row r="3341">
          <cell r="C3341">
            <v>1.1616</v>
          </cell>
          <cell r="AT3341">
            <v>2007</v>
          </cell>
          <cell r="AU3341">
            <v>2</v>
          </cell>
        </row>
        <row r="3342">
          <cell r="C3342">
            <v>1.1585000000000001</v>
          </cell>
          <cell r="AT3342">
            <v>2007</v>
          </cell>
          <cell r="AU3342">
            <v>2</v>
          </cell>
        </row>
        <row r="3343">
          <cell r="C3343">
            <v>1.1585000000000001</v>
          </cell>
          <cell r="AT3343">
            <v>2007</v>
          </cell>
          <cell r="AU3343">
            <v>2</v>
          </cell>
        </row>
        <row r="3344">
          <cell r="C3344">
            <v>1.1585000000000001</v>
          </cell>
          <cell r="AT3344">
            <v>2007</v>
          </cell>
          <cell r="AU3344">
            <v>2</v>
          </cell>
        </row>
        <row r="3345">
          <cell r="C3345">
            <v>1.1599999999999999</v>
          </cell>
          <cell r="AT3345">
            <v>2007</v>
          </cell>
          <cell r="AU3345">
            <v>2</v>
          </cell>
        </row>
        <row r="3346">
          <cell r="C3346">
            <v>1.1638999999999999</v>
          </cell>
          <cell r="AT3346">
            <v>2007</v>
          </cell>
          <cell r="AU3346">
            <v>2</v>
          </cell>
        </row>
        <row r="3347">
          <cell r="C3347">
            <v>1.17</v>
          </cell>
          <cell r="AT3347">
            <v>2007</v>
          </cell>
          <cell r="AU3347">
            <v>3</v>
          </cell>
        </row>
        <row r="3348">
          <cell r="C3348">
            <v>1.1713</v>
          </cell>
          <cell r="AT3348">
            <v>2007</v>
          </cell>
          <cell r="AU3348">
            <v>3</v>
          </cell>
        </row>
        <row r="3349">
          <cell r="C3349">
            <v>1.1753</v>
          </cell>
          <cell r="AT3349">
            <v>2007</v>
          </cell>
          <cell r="AU3349">
            <v>3</v>
          </cell>
        </row>
        <row r="3350">
          <cell r="C3350">
            <v>1.1753</v>
          </cell>
          <cell r="AT3350">
            <v>2007</v>
          </cell>
          <cell r="AU3350">
            <v>3</v>
          </cell>
        </row>
        <row r="3351">
          <cell r="C3351">
            <v>1.1753</v>
          </cell>
          <cell r="AT3351">
            <v>2007</v>
          </cell>
          <cell r="AU3351">
            <v>3</v>
          </cell>
        </row>
        <row r="3352">
          <cell r="C3352">
            <v>1.1811</v>
          </cell>
          <cell r="AT3352">
            <v>2007</v>
          </cell>
          <cell r="AU3352">
            <v>3</v>
          </cell>
        </row>
        <row r="3353">
          <cell r="C3353">
            <v>1.1759999999999999</v>
          </cell>
          <cell r="AT3353">
            <v>2007</v>
          </cell>
          <cell r="AU3353">
            <v>3</v>
          </cell>
        </row>
        <row r="3354">
          <cell r="C3354">
            <v>1.1786000000000001</v>
          </cell>
          <cell r="AT3354">
            <v>2007</v>
          </cell>
          <cell r="AU3354">
            <v>3</v>
          </cell>
        </row>
        <row r="3355">
          <cell r="C3355">
            <v>1.1800999999999999</v>
          </cell>
          <cell r="AT3355">
            <v>2007</v>
          </cell>
          <cell r="AU3355">
            <v>3</v>
          </cell>
        </row>
        <row r="3356">
          <cell r="C3356">
            <v>1.1712</v>
          </cell>
          <cell r="AT3356">
            <v>2007</v>
          </cell>
          <cell r="AU3356">
            <v>3</v>
          </cell>
        </row>
        <row r="3357">
          <cell r="C3357">
            <v>1.1712</v>
          </cell>
          <cell r="AT3357">
            <v>2007</v>
          </cell>
          <cell r="AU3357">
            <v>3</v>
          </cell>
        </row>
        <row r="3358">
          <cell r="C3358">
            <v>1.1712</v>
          </cell>
          <cell r="AT3358">
            <v>2007</v>
          </cell>
          <cell r="AU3358">
            <v>3</v>
          </cell>
        </row>
        <row r="3359">
          <cell r="C3359">
            <v>1.1692</v>
          </cell>
          <cell r="AT3359">
            <v>2007</v>
          </cell>
          <cell r="AU3359">
            <v>3</v>
          </cell>
        </row>
        <row r="3360">
          <cell r="C3360">
            <v>1.1687000000000001</v>
          </cell>
          <cell r="AT3360">
            <v>2007</v>
          </cell>
          <cell r="AU3360">
            <v>3</v>
          </cell>
        </row>
        <row r="3361">
          <cell r="C3361">
            <v>1.1754</v>
          </cell>
          <cell r="AT3361">
            <v>2007</v>
          </cell>
          <cell r="AU3361">
            <v>3</v>
          </cell>
        </row>
        <row r="3362">
          <cell r="C3362">
            <v>1.1758</v>
          </cell>
          <cell r="AT3362">
            <v>2007</v>
          </cell>
          <cell r="AU3362">
            <v>3</v>
          </cell>
        </row>
        <row r="3363">
          <cell r="C3363">
            <v>1.1739999999999999</v>
          </cell>
          <cell r="AT3363">
            <v>2007</v>
          </cell>
          <cell r="AU3363">
            <v>3</v>
          </cell>
        </row>
        <row r="3364">
          <cell r="C3364">
            <v>1.1739999999999999</v>
          </cell>
          <cell r="AT3364">
            <v>2007</v>
          </cell>
          <cell r="AU3364">
            <v>3</v>
          </cell>
        </row>
        <row r="3365">
          <cell r="C3365">
            <v>1.1739999999999999</v>
          </cell>
          <cell r="AT3365">
            <v>2007</v>
          </cell>
          <cell r="AU3365">
            <v>3</v>
          </cell>
        </row>
        <row r="3366">
          <cell r="C3366">
            <v>1.1752</v>
          </cell>
          <cell r="AT3366">
            <v>2007</v>
          </cell>
          <cell r="AU3366">
            <v>3</v>
          </cell>
        </row>
        <row r="3367">
          <cell r="C3367">
            <v>1.1638999999999999</v>
          </cell>
          <cell r="AT3367">
            <v>2007</v>
          </cell>
          <cell r="AU3367">
            <v>3</v>
          </cell>
        </row>
        <row r="3368">
          <cell r="C3368">
            <v>1.1577999999999999</v>
          </cell>
          <cell r="AT3368">
            <v>2007</v>
          </cell>
          <cell r="AU3368">
            <v>3</v>
          </cell>
        </row>
        <row r="3369">
          <cell r="C3369">
            <v>1.1576</v>
          </cell>
          <cell r="AT3369">
            <v>2007</v>
          </cell>
          <cell r="AU3369">
            <v>3</v>
          </cell>
        </row>
        <row r="3370">
          <cell r="C3370">
            <v>1.1599999999999999</v>
          </cell>
          <cell r="AT3370">
            <v>2007</v>
          </cell>
          <cell r="AU3370">
            <v>3</v>
          </cell>
        </row>
        <row r="3371">
          <cell r="C3371">
            <v>1.1599999999999999</v>
          </cell>
          <cell r="AT3371">
            <v>2007</v>
          </cell>
          <cell r="AU3371">
            <v>3</v>
          </cell>
        </row>
        <row r="3372">
          <cell r="C3372">
            <v>1.1599999999999999</v>
          </cell>
          <cell r="AT3372">
            <v>2007</v>
          </cell>
          <cell r="AU3372">
            <v>3</v>
          </cell>
        </row>
        <row r="3373">
          <cell r="C3373">
            <v>1.1627000000000001</v>
          </cell>
          <cell r="AT3373">
            <v>2007</v>
          </cell>
          <cell r="AU3373">
            <v>3</v>
          </cell>
        </row>
        <row r="3374">
          <cell r="C3374">
            <v>1.1584000000000001</v>
          </cell>
          <cell r="AT3374">
            <v>2007</v>
          </cell>
          <cell r="AU3374">
            <v>3</v>
          </cell>
        </row>
        <row r="3375">
          <cell r="C3375">
            <v>1.1579999999999999</v>
          </cell>
          <cell r="AT3375">
            <v>2007</v>
          </cell>
          <cell r="AU3375">
            <v>3</v>
          </cell>
        </row>
        <row r="3376">
          <cell r="C3376">
            <v>1.1577999999999999</v>
          </cell>
          <cell r="AT3376">
            <v>2007</v>
          </cell>
          <cell r="AU3376">
            <v>3</v>
          </cell>
        </row>
        <row r="3377">
          <cell r="C3377">
            <v>1.1529</v>
          </cell>
          <cell r="AT3377">
            <v>2007</v>
          </cell>
          <cell r="AU3377">
            <v>3</v>
          </cell>
        </row>
        <row r="3378">
          <cell r="C3378">
            <v>1.1529</v>
          </cell>
          <cell r="AT3378">
            <v>2007</v>
          </cell>
          <cell r="AU3378">
            <v>4</v>
          </cell>
        </row>
        <row r="3379">
          <cell r="C3379">
            <v>1.1529</v>
          </cell>
          <cell r="AT3379">
            <v>2007</v>
          </cell>
          <cell r="AU3379">
            <v>4</v>
          </cell>
        </row>
        <row r="3380">
          <cell r="C3380">
            <v>1.1560999999999999</v>
          </cell>
          <cell r="AT3380">
            <v>2007</v>
          </cell>
          <cell r="AU3380">
            <v>4</v>
          </cell>
        </row>
        <row r="3381">
          <cell r="C3381">
            <v>1.1573</v>
          </cell>
          <cell r="AT3381">
            <v>2007</v>
          </cell>
          <cell r="AU3381">
            <v>4</v>
          </cell>
        </row>
        <row r="3382">
          <cell r="C3382">
            <v>1.1584000000000001</v>
          </cell>
          <cell r="AT3382">
            <v>2007</v>
          </cell>
          <cell r="AU3382">
            <v>4</v>
          </cell>
        </row>
        <row r="3383">
          <cell r="C3383">
            <v>1.1509</v>
          </cell>
          <cell r="AT3383">
            <v>2007</v>
          </cell>
          <cell r="AU3383">
            <v>4</v>
          </cell>
        </row>
        <row r="3384">
          <cell r="C3384">
            <v>1.1509</v>
          </cell>
          <cell r="AT3384">
            <v>2007</v>
          </cell>
          <cell r="AU3384">
            <v>4</v>
          </cell>
        </row>
        <row r="3385">
          <cell r="C3385">
            <v>1.1509</v>
          </cell>
          <cell r="AT3385">
            <v>2007</v>
          </cell>
          <cell r="AU3385">
            <v>4</v>
          </cell>
        </row>
        <row r="3386">
          <cell r="C3386">
            <v>1.1509</v>
          </cell>
          <cell r="AT3386">
            <v>2007</v>
          </cell>
          <cell r="AU3386">
            <v>4</v>
          </cell>
        </row>
        <row r="3387">
          <cell r="C3387">
            <v>1.1521999999999999</v>
          </cell>
          <cell r="AT3387">
            <v>2007</v>
          </cell>
          <cell r="AU3387">
            <v>4</v>
          </cell>
        </row>
        <row r="3388">
          <cell r="C3388">
            <v>1.1479999999999999</v>
          </cell>
          <cell r="AT3388">
            <v>2007</v>
          </cell>
          <cell r="AU3388">
            <v>4</v>
          </cell>
        </row>
        <row r="3389">
          <cell r="C3389">
            <v>1.145</v>
          </cell>
          <cell r="AT3389">
            <v>2007</v>
          </cell>
          <cell r="AU3389">
            <v>4</v>
          </cell>
        </row>
        <row r="3390">
          <cell r="C3390">
            <v>1.1363000000000001</v>
          </cell>
          <cell r="AT3390">
            <v>2007</v>
          </cell>
          <cell r="AU3390">
            <v>4</v>
          </cell>
        </row>
        <row r="3391">
          <cell r="C3391">
            <v>1.1379999999999999</v>
          </cell>
          <cell r="AT3391">
            <v>2007</v>
          </cell>
          <cell r="AU3391">
            <v>4</v>
          </cell>
        </row>
        <row r="3392">
          <cell r="C3392">
            <v>1.1379999999999999</v>
          </cell>
          <cell r="AT3392">
            <v>2007</v>
          </cell>
          <cell r="AU3392">
            <v>4</v>
          </cell>
        </row>
        <row r="3393">
          <cell r="C3393">
            <v>1.1379999999999999</v>
          </cell>
          <cell r="AT3393">
            <v>2007</v>
          </cell>
          <cell r="AU3393">
            <v>4</v>
          </cell>
        </row>
        <row r="3394">
          <cell r="C3394">
            <v>1.131</v>
          </cell>
          <cell r="AT3394">
            <v>2007</v>
          </cell>
          <cell r="AU3394">
            <v>4</v>
          </cell>
        </row>
        <row r="3395">
          <cell r="C3395">
            <v>1.1294</v>
          </cell>
          <cell r="AT3395">
            <v>2007</v>
          </cell>
          <cell r="AU3395">
            <v>4</v>
          </cell>
        </row>
        <row r="3396">
          <cell r="C3396">
            <v>1.1288</v>
          </cell>
          <cell r="AT3396">
            <v>2007</v>
          </cell>
          <cell r="AU3396">
            <v>4</v>
          </cell>
        </row>
        <row r="3397">
          <cell r="C3397">
            <v>1.1286</v>
          </cell>
          <cell r="AT3397">
            <v>2007</v>
          </cell>
          <cell r="AU3397">
            <v>4</v>
          </cell>
        </row>
        <row r="3398">
          <cell r="C3398">
            <v>1.1227</v>
          </cell>
          <cell r="AT3398">
            <v>2007</v>
          </cell>
          <cell r="AU3398">
            <v>4</v>
          </cell>
        </row>
        <row r="3399">
          <cell r="C3399">
            <v>1.1227</v>
          </cell>
          <cell r="AT3399">
            <v>2007</v>
          </cell>
          <cell r="AU3399">
            <v>4</v>
          </cell>
        </row>
        <row r="3400">
          <cell r="C3400">
            <v>1.1227</v>
          </cell>
          <cell r="AT3400">
            <v>2007</v>
          </cell>
          <cell r="AU3400">
            <v>4</v>
          </cell>
        </row>
        <row r="3401">
          <cell r="C3401">
            <v>1.1227</v>
          </cell>
          <cell r="AT3401">
            <v>2007</v>
          </cell>
          <cell r="AU3401">
            <v>4</v>
          </cell>
        </row>
        <row r="3402">
          <cell r="C3402">
            <v>1.1229</v>
          </cell>
          <cell r="AT3402">
            <v>2007</v>
          </cell>
          <cell r="AU3402">
            <v>4</v>
          </cell>
        </row>
        <row r="3403">
          <cell r="C3403">
            <v>1.1145</v>
          </cell>
          <cell r="AT3403">
            <v>2007</v>
          </cell>
          <cell r="AU3403">
            <v>4</v>
          </cell>
        </row>
        <row r="3404">
          <cell r="C3404">
            <v>1.1202000000000001</v>
          </cell>
          <cell r="AT3404">
            <v>2007</v>
          </cell>
          <cell r="AU3404">
            <v>4</v>
          </cell>
        </row>
        <row r="3405">
          <cell r="C3405">
            <v>1.1153</v>
          </cell>
          <cell r="AT3405">
            <v>2007</v>
          </cell>
          <cell r="AU3405">
            <v>4</v>
          </cell>
        </row>
        <row r="3406">
          <cell r="C3406">
            <v>1.1153</v>
          </cell>
          <cell r="AT3406">
            <v>2007</v>
          </cell>
          <cell r="AU3406">
            <v>4</v>
          </cell>
        </row>
        <row r="3407">
          <cell r="C3407">
            <v>1.1153</v>
          </cell>
          <cell r="AT3407">
            <v>2007</v>
          </cell>
          <cell r="AU3407">
            <v>4</v>
          </cell>
        </row>
        <row r="3408">
          <cell r="C3408">
            <v>1.1067</v>
          </cell>
          <cell r="AT3408">
            <v>2007</v>
          </cell>
          <cell r="AU3408">
            <v>5</v>
          </cell>
        </row>
        <row r="3409">
          <cell r="C3409">
            <v>1.1089</v>
          </cell>
          <cell r="AT3409">
            <v>2007</v>
          </cell>
          <cell r="AU3409">
            <v>5</v>
          </cell>
        </row>
        <row r="3410">
          <cell r="C3410">
            <v>1.1087</v>
          </cell>
          <cell r="AT3410">
            <v>2007</v>
          </cell>
          <cell r="AU3410">
            <v>5</v>
          </cell>
        </row>
        <row r="3411">
          <cell r="C3411">
            <v>1.107</v>
          </cell>
          <cell r="AT3411">
            <v>2007</v>
          </cell>
          <cell r="AU3411">
            <v>5</v>
          </cell>
        </row>
        <row r="3412">
          <cell r="C3412">
            <v>1.1069</v>
          </cell>
          <cell r="AT3412">
            <v>2007</v>
          </cell>
          <cell r="AU3412">
            <v>5</v>
          </cell>
        </row>
        <row r="3413">
          <cell r="C3413">
            <v>1.1069</v>
          </cell>
          <cell r="AT3413">
            <v>2007</v>
          </cell>
          <cell r="AU3413">
            <v>5</v>
          </cell>
        </row>
        <row r="3414">
          <cell r="C3414">
            <v>1.1069</v>
          </cell>
          <cell r="AT3414">
            <v>2007</v>
          </cell>
          <cell r="AU3414">
            <v>5</v>
          </cell>
        </row>
        <row r="3415">
          <cell r="C3415">
            <v>1.1024</v>
          </cell>
          <cell r="AT3415">
            <v>2007</v>
          </cell>
          <cell r="AU3415">
            <v>5</v>
          </cell>
        </row>
        <row r="3416">
          <cell r="C3416">
            <v>1.1048</v>
          </cell>
          <cell r="AT3416">
            <v>2007</v>
          </cell>
          <cell r="AU3416">
            <v>5</v>
          </cell>
        </row>
        <row r="3417">
          <cell r="C3417">
            <v>1.1064000000000001</v>
          </cell>
          <cell r="AT3417">
            <v>2007</v>
          </cell>
          <cell r="AU3417">
            <v>5</v>
          </cell>
        </row>
        <row r="3418">
          <cell r="C3418">
            <v>1.1073</v>
          </cell>
          <cell r="AT3418">
            <v>2007</v>
          </cell>
          <cell r="AU3418">
            <v>5</v>
          </cell>
        </row>
        <row r="3419">
          <cell r="C3419">
            <v>1.1134999999999999</v>
          </cell>
          <cell r="AT3419">
            <v>2007</v>
          </cell>
          <cell r="AU3419">
            <v>5</v>
          </cell>
        </row>
        <row r="3420">
          <cell r="C3420">
            <v>1.1134999999999999</v>
          </cell>
          <cell r="AT3420">
            <v>2007</v>
          </cell>
          <cell r="AU3420">
            <v>5</v>
          </cell>
        </row>
        <row r="3421">
          <cell r="C3421">
            <v>1.1134999999999999</v>
          </cell>
          <cell r="AT3421">
            <v>2007</v>
          </cell>
          <cell r="AU3421">
            <v>5</v>
          </cell>
        </row>
        <row r="3422">
          <cell r="C3422">
            <v>1.1069</v>
          </cell>
          <cell r="AT3422">
            <v>2007</v>
          </cell>
          <cell r="AU3422">
            <v>5</v>
          </cell>
        </row>
        <row r="3423">
          <cell r="C3423">
            <v>1.0976999999999999</v>
          </cell>
          <cell r="AT3423">
            <v>2007</v>
          </cell>
          <cell r="AU3423">
            <v>5</v>
          </cell>
        </row>
        <row r="3424">
          <cell r="C3424">
            <v>1.1029</v>
          </cell>
          <cell r="AT3424">
            <v>2007</v>
          </cell>
          <cell r="AU3424">
            <v>5</v>
          </cell>
        </row>
        <row r="3425">
          <cell r="C3425">
            <v>1.0976999999999999</v>
          </cell>
          <cell r="AT3425">
            <v>2007</v>
          </cell>
          <cell r="AU3425">
            <v>5</v>
          </cell>
        </row>
        <row r="3426">
          <cell r="C3426">
            <v>1.0884</v>
          </cell>
          <cell r="AT3426">
            <v>2007</v>
          </cell>
          <cell r="AU3426">
            <v>5</v>
          </cell>
        </row>
        <row r="3427">
          <cell r="C3427">
            <v>1.0884</v>
          </cell>
          <cell r="AT3427">
            <v>2007</v>
          </cell>
          <cell r="AU3427">
            <v>5</v>
          </cell>
        </row>
        <row r="3428">
          <cell r="C3428">
            <v>1.0884</v>
          </cell>
          <cell r="AT3428">
            <v>2007</v>
          </cell>
          <cell r="AU3428">
            <v>5</v>
          </cell>
        </row>
        <row r="3429">
          <cell r="C3429">
            <v>1.0884</v>
          </cell>
          <cell r="AT3429">
            <v>2007</v>
          </cell>
          <cell r="AU3429">
            <v>5</v>
          </cell>
        </row>
        <row r="3430">
          <cell r="C3430">
            <v>1.0854999999999999</v>
          </cell>
          <cell r="AT3430">
            <v>2007</v>
          </cell>
          <cell r="AU3430">
            <v>5</v>
          </cell>
        </row>
        <row r="3431">
          <cell r="C3431">
            <v>1.0818000000000001</v>
          </cell>
          <cell r="AT3431">
            <v>2007</v>
          </cell>
          <cell r="AU3431">
            <v>5</v>
          </cell>
        </row>
        <row r="3432">
          <cell r="C3432">
            <v>1.0841000000000001</v>
          </cell>
          <cell r="AT3432">
            <v>2007</v>
          </cell>
          <cell r="AU3432">
            <v>5</v>
          </cell>
        </row>
        <row r="3433">
          <cell r="C3433">
            <v>1.0795999999999999</v>
          </cell>
          <cell r="AT3433">
            <v>2007</v>
          </cell>
          <cell r="AU3433">
            <v>5</v>
          </cell>
        </row>
        <row r="3434">
          <cell r="C3434">
            <v>1.0795999999999999</v>
          </cell>
          <cell r="AT3434">
            <v>2007</v>
          </cell>
          <cell r="AU3434">
            <v>5</v>
          </cell>
        </row>
        <row r="3435">
          <cell r="C3435">
            <v>1.0795999999999999</v>
          </cell>
          <cell r="AT3435">
            <v>2007</v>
          </cell>
          <cell r="AU3435">
            <v>5</v>
          </cell>
        </row>
        <row r="3436">
          <cell r="C3436">
            <v>1.0795999999999999</v>
          </cell>
          <cell r="AT3436">
            <v>2007</v>
          </cell>
          <cell r="AU3436">
            <v>5</v>
          </cell>
        </row>
        <row r="3437">
          <cell r="C3437">
            <v>1.0719000000000001</v>
          </cell>
          <cell r="AT3437">
            <v>2007</v>
          </cell>
          <cell r="AU3437">
            <v>5</v>
          </cell>
        </row>
        <row r="3438">
          <cell r="C3438">
            <v>1.0753999999999999</v>
          </cell>
          <cell r="AT3438">
            <v>2007</v>
          </cell>
          <cell r="AU3438">
            <v>5</v>
          </cell>
        </row>
        <row r="3439">
          <cell r="C3439">
            <v>1.0699000000000001</v>
          </cell>
          <cell r="AT3439">
            <v>2007</v>
          </cell>
          <cell r="AU3439">
            <v>6</v>
          </cell>
        </row>
        <row r="3440">
          <cell r="C3440">
            <v>1.0604</v>
          </cell>
          <cell r="AT3440">
            <v>2007</v>
          </cell>
          <cell r="AU3440">
            <v>6</v>
          </cell>
        </row>
        <row r="3441">
          <cell r="C3441">
            <v>1.0604</v>
          </cell>
          <cell r="AT3441">
            <v>2007</v>
          </cell>
          <cell r="AU3441">
            <v>6</v>
          </cell>
        </row>
        <row r="3442">
          <cell r="C3442">
            <v>1.0604</v>
          </cell>
          <cell r="AT3442">
            <v>2007</v>
          </cell>
          <cell r="AU3442">
            <v>6</v>
          </cell>
        </row>
        <row r="3443">
          <cell r="C3443">
            <v>1.0580000000000001</v>
          </cell>
          <cell r="AT3443">
            <v>2007</v>
          </cell>
          <cell r="AU3443">
            <v>6</v>
          </cell>
        </row>
        <row r="3444">
          <cell r="C3444">
            <v>1.0606</v>
          </cell>
          <cell r="AT3444">
            <v>2007</v>
          </cell>
          <cell r="AU3444">
            <v>6</v>
          </cell>
        </row>
        <row r="3445">
          <cell r="C3445">
            <v>1.0586</v>
          </cell>
          <cell r="AT3445">
            <v>2007</v>
          </cell>
          <cell r="AU3445">
            <v>6</v>
          </cell>
        </row>
        <row r="3446">
          <cell r="C3446">
            <v>1.0612999999999999</v>
          </cell>
          <cell r="AT3446">
            <v>2007</v>
          </cell>
          <cell r="AU3446">
            <v>6</v>
          </cell>
        </row>
        <row r="3447">
          <cell r="C3447">
            <v>1.0622</v>
          </cell>
          <cell r="AT3447">
            <v>2007</v>
          </cell>
          <cell r="AU3447">
            <v>6</v>
          </cell>
        </row>
        <row r="3448">
          <cell r="C3448">
            <v>1.0622</v>
          </cell>
          <cell r="AT3448">
            <v>2007</v>
          </cell>
          <cell r="AU3448">
            <v>6</v>
          </cell>
        </row>
        <row r="3449">
          <cell r="C3449">
            <v>1.0622</v>
          </cell>
          <cell r="AT3449">
            <v>2007</v>
          </cell>
          <cell r="AU3449">
            <v>6</v>
          </cell>
        </row>
        <row r="3450">
          <cell r="C3450">
            <v>1.0613999999999999</v>
          </cell>
          <cell r="AT3450">
            <v>2007</v>
          </cell>
          <cell r="AU3450">
            <v>6</v>
          </cell>
        </row>
        <row r="3451">
          <cell r="C3451">
            <v>1.0634999999999999</v>
          </cell>
          <cell r="AT3451">
            <v>2007</v>
          </cell>
          <cell r="AU3451">
            <v>6</v>
          </cell>
        </row>
        <row r="3452">
          <cell r="C3452">
            <v>1.0667</v>
          </cell>
          <cell r="AT3452">
            <v>2007</v>
          </cell>
          <cell r="AU3452">
            <v>6</v>
          </cell>
        </row>
        <row r="3453">
          <cell r="C3453">
            <v>1.0684</v>
          </cell>
          <cell r="AT3453">
            <v>2007</v>
          </cell>
          <cell r="AU3453">
            <v>6</v>
          </cell>
        </row>
        <row r="3454">
          <cell r="C3454">
            <v>1.0679000000000001</v>
          </cell>
          <cell r="AT3454">
            <v>2007</v>
          </cell>
          <cell r="AU3454">
            <v>6</v>
          </cell>
        </row>
        <row r="3455">
          <cell r="C3455">
            <v>1.0679000000000001</v>
          </cell>
          <cell r="AT3455">
            <v>2007</v>
          </cell>
          <cell r="AU3455">
            <v>6</v>
          </cell>
        </row>
        <row r="3456">
          <cell r="C3456">
            <v>1.0679000000000001</v>
          </cell>
          <cell r="AT3456">
            <v>2007</v>
          </cell>
          <cell r="AU3456">
            <v>6</v>
          </cell>
        </row>
        <row r="3457">
          <cell r="C3457">
            <v>1.0721000000000001</v>
          </cell>
          <cell r="AT3457">
            <v>2007</v>
          </cell>
          <cell r="AU3457">
            <v>6</v>
          </cell>
        </row>
        <row r="3458">
          <cell r="C3458">
            <v>1.0639000000000001</v>
          </cell>
          <cell r="AT3458">
            <v>2007</v>
          </cell>
          <cell r="AU3458">
            <v>6</v>
          </cell>
        </row>
        <row r="3459">
          <cell r="C3459">
            <v>1.0646</v>
          </cell>
          <cell r="AT3459">
            <v>2007</v>
          </cell>
          <cell r="AU3459">
            <v>6</v>
          </cell>
        </row>
        <row r="3460">
          <cell r="C3460">
            <v>1.073</v>
          </cell>
          <cell r="AT3460">
            <v>2007</v>
          </cell>
          <cell r="AU3460">
            <v>6</v>
          </cell>
        </row>
        <row r="3461">
          <cell r="C3461">
            <v>1.0676000000000001</v>
          </cell>
          <cell r="AT3461">
            <v>2007</v>
          </cell>
          <cell r="AU3461">
            <v>6</v>
          </cell>
        </row>
        <row r="3462">
          <cell r="C3462">
            <v>1.0676000000000001</v>
          </cell>
          <cell r="AT3462">
            <v>2007</v>
          </cell>
          <cell r="AU3462">
            <v>6</v>
          </cell>
        </row>
        <row r="3463">
          <cell r="C3463">
            <v>1.0676000000000001</v>
          </cell>
          <cell r="AT3463">
            <v>2007</v>
          </cell>
          <cell r="AU3463">
            <v>6</v>
          </cell>
        </row>
        <row r="3464">
          <cell r="C3464">
            <v>1.0712999999999999</v>
          </cell>
          <cell r="AT3464">
            <v>2007</v>
          </cell>
          <cell r="AU3464">
            <v>6</v>
          </cell>
        </row>
        <row r="3465">
          <cell r="C3465">
            <v>1.0692999999999999</v>
          </cell>
          <cell r="AT3465">
            <v>2007</v>
          </cell>
          <cell r="AU3465">
            <v>6</v>
          </cell>
        </row>
        <row r="3466">
          <cell r="C3466">
            <v>1.0716000000000001</v>
          </cell>
          <cell r="AT3466">
            <v>2007</v>
          </cell>
          <cell r="AU3466">
            <v>6</v>
          </cell>
        </row>
        <row r="3467">
          <cell r="C3467">
            <v>1.0627</v>
          </cell>
          <cell r="AT3467">
            <v>2007</v>
          </cell>
          <cell r="AU3467">
            <v>6</v>
          </cell>
        </row>
        <row r="3468">
          <cell r="C3468">
            <v>1.0633999999999999</v>
          </cell>
          <cell r="AT3468">
            <v>2007</v>
          </cell>
          <cell r="AU3468">
            <v>6</v>
          </cell>
        </row>
        <row r="3469">
          <cell r="C3469">
            <v>1.0633999999999999</v>
          </cell>
          <cell r="AT3469">
            <v>2007</v>
          </cell>
          <cell r="AU3469">
            <v>7</v>
          </cell>
        </row>
        <row r="3470">
          <cell r="C3470">
            <v>1.0633999999999999</v>
          </cell>
          <cell r="AT3470">
            <v>2007</v>
          </cell>
          <cell r="AU3470">
            <v>7</v>
          </cell>
        </row>
        <row r="3471">
          <cell r="C3471">
            <v>1.0633999999999999</v>
          </cell>
          <cell r="AT3471">
            <v>2007</v>
          </cell>
          <cell r="AU3471">
            <v>7</v>
          </cell>
        </row>
        <row r="3472">
          <cell r="C3472">
            <v>1.0596000000000001</v>
          </cell>
          <cell r="AT3472">
            <v>2007</v>
          </cell>
          <cell r="AU3472">
            <v>7</v>
          </cell>
        </row>
        <row r="3473">
          <cell r="C3473">
            <v>1.0596000000000001</v>
          </cell>
          <cell r="AT3473">
            <v>2007</v>
          </cell>
          <cell r="AU3473">
            <v>7</v>
          </cell>
        </row>
        <row r="3474">
          <cell r="C3474">
            <v>1.0566</v>
          </cell>
          <cell r="AT3474">
            <v>2007</v>
          </cell>
          <cell r="AU3474">
            <v>7</v>
          </cell>
        </row>
        <row r="3475">
          <cell r="C3475">
            <v>1.048</v>
          </cell>
          <cell r="AT3475">
            <v>2007</v>
          </cell>
          <cell r="AU3475">
            <v>7</v>
          </cell>
        </row>
        <row r="3476">
          <cell r="C3476">
            <v>1.048</v>
          </cell>
          <cell r="AT3476">
            <v>2007</v>
          </cell>
          <cell r="AU3476">
            <v>7</v>
          </cell>
        </row>
        <row r="3477">
          <cell r="C3477">
            <v>1.048</v>
          </cell>
          <cell r="AT3477">
            <v>2007</v>
          </cell>
          <cell r="AU3477">
            <v>7</v>
          </cell>
        </row>
        <row r="3478">
          <cell r="C3478">
            <v>1.0479000000000001</v>
          </cell>
          <cell r="AT3478">
            <v>2007</v>
          </cell>
          <cell r="AU3478">
            <v>7</v>
          </cell>
        </row>
        <row r="3479">
          <cell r="C3479">
            <v>1.0521</v>
          </cell>
          <cell r="AT3479">
            <v>2007</v>
          </cell>
          <cell r="AU3479">
            <v>7</v>
          </cell>
        </row>
        <row r="3480">
          <cell r="C3480">
            <v>1.0558000000000001</v>
          </cell>
          <cell r="AT3480">
            <v>2007</v>
          </cell>
          <cell r="AU3480">
            <v>7</v>
          </cell>
        </row>
        <row r="3481">
          <cell r="C3481">
            <v>1.0468999999999999</v>
          </cell>
          <cell r="AT3481">
            <v>2007</v>
          </cell>
          <cell r="AU3481">
            <v>7</v>
          </cell>
        </row>
        <row r="3482">
          <cell r="C3482">
            <v>1.0477000000000001</v>
          </cell>
          <cell r="AT3482">
            <v>2007</v>
          </cell>
          <cell r="AU3482">
            <v>7</v>
          </cell>
        </row>
        <row r="3483">
          <cell r="C3483">
            <v>1.0477000000000001</v>
          </cell>
          <cell r="AT3483">
            <v>2007</v>
          </cell>
          <cell r="AU3483">
            <v>7</v>
          </cell>
        </row>
        <row r="3484">
          <cell r="C3484">
            <v>1.0477000000000001</v>
          </cell>
          <cell r="AT3484">
            <v>2007</v>
          </cell>
          <cell r="AU3484">
            <v>7</v>
          </cell>
        </row>
        <row r="3485">
          <cell r="C3485">
            <v>1.0429999999999999</v>
          </cell>
          <cell r="AT3485">
            <v>2007</v>
          </cell>
          <cell r="AU3485">
            <v>7</v>
          </cell>
        </row>
        <row r="3486">
          <cell r="C3486">
            <v>1.0436000000000001</v>
          </cell>
          <cell r="AT3486">
            <v>2007</v>
          </cell>
          <cell r="AU3486">
            <v>7</v>
          </cell>
        </row>
        <row r="3487">
          <cell r="C3487">
            <v>1.0437000000000001</v>
          </cell>
          <cell r="AT3487">
            <v>2007</v>
          </cell>
          <cell r="AU3487">
            <v>7</v>
          </cell>
        </row>
        <row r="3488">
          <cell r="C3488">
            <v>1.0426</v>
          </cell>
          <cell r="AT3488">
            <v>2007</v>
          </cell>
          <cell r="AU3488">
            <v>7</v>
          </cell>
        </row>
        <row r="3489">
          <cell r="C3489">
            <v>1.044</v>
          </cell>
          <cell r="AT3489">
            <v>2007</v>
          </cell>
          <cell r="AU3489">
            <v>7</v>
          </cell>
        </row>
        <row r="3490">
          <cell r="C3490">
            <v>1.044</v>
          </cell>
          <cell r="AT3490">
            <v>2007</v>
          </cell>
          <cell r="AU3490">
            <v>7</v>
          </cell>
        </row>
        <row r="3491">
          <cell r="C3491">
            <v>1.044</v>
          </cell>
          <cell r="AT3491">
            <v>2007</v>
          </cell>
          <cell r="AU3491">
            <v>7</v>
          </cell>
        </row>
        <row r="3492">
          <cell r="C3492">
            <v>1.0450999999999999</v>
          </cell>
          <cell r="AT3492">
            <v>2007</v>
          </cell>
          <cell r="AU3492">
            <v>7</v>
          </cell>
        </row>
        <row r="3493">
          <cell r="C3493">
            <v>1.0371999999999999</v>
          </cell>
          <cell r="AT3493">
            <v>2007</v>
          </cell>
          <cell r="AU3493">
            <v>7</v>
          </cell>
        </row>
        <row r="3494">
          <cell r="C3494">
            <v>1.0425</v>
          </cell>
          <cell r="AT3494">
            <v>2007</v>
          </cell>
          <cell r="AU3494">
            <v>7</v>
          </cell>
        </row>
        <row r="3495">
          <cell r="C3495">
            <v>1.0505</v>
          </cell>
          <cell r="AT3495">
            <v>2007</v>
          </cell>
          <cell r="AU3495">
            <v>7</v>
          </cell>
        </row>
        <row r="3496">
          <cell r="C3496">
            <v>1.0589999999999999</v>
          </cell>
          <cell r="AT3496">
            <v>2007</v>
          </cell>
          <cell r="AU3496">
            <v>7</v>
          </cell>
        </row>
        <row r="3497">
          <cell r="C3497">
            <v>1.0589999999999999</v>
          </cell>
          <cell r="AT3497">
            <v>2007</v>
          </cell>
          <cell r="AU3497">
            <v>7</v>
          </cell>
        </row>
        <row r="3498">
          <cell r="C3498">
            <v>1.0589999999999999</v>
          </cell>
          <cell r="AT3498">
            <v>2007</v>
          </cell>
          <cell r="AU3498">
            <v>7</v>
          </cell>
        </row>
        <row r="3499">
          <cell r="C3499">
            <v>1.0686</v>
          </cell>
          <cell r="AT3499">
            <v>2007</v>
          </cell>
          <cell r="AU3499">
            <v>7</v>
          </cell>
        </row>
        <row r="3500">
          <cell r="C3500">
            <v>1.0657000000000001</v>
          </cell>
          <cell r="AT3500">
            <v>2007</v>
          </cell>
          <cell r="AU3500">
            <v>8</v>
          </cell>
        </row>
        <row r="3501">
          <cell r="C3501">
            <v>1.0569</v>
          </cell>
          <cell r="AT3501">
            <v>2007</v>
          </cell>
          <cell r="AU3501">
            <v>8</v>
          </cell>
        </row>
        <row r="3502">
          <cell r="C3502">
            <v>1.0527</v>
          </cell>
          <cell r="AT3502">
            <v>2007</v>
          </cell>
          <cell r="AU3502">
            <v>8</v>
          </cell>
        </row>
        <row r="3503">
          <cell r="C3503">
            <v>1.0528</v>
          </cell>
          <cell r="AT3503">
            <v>2007</v>
          </cell>
          <cell r="AU3503">
            <v>8</v>
          </cell>
        </row>
        <row r="3504">
          <cell r="C3504">
            <v>1.0528</v>
          </cell>
          <cell r="AT3504">
            <v>2007</v>
          </cell>
          <cell r="AU3504">
            <v>8</v>
          </cell>
        </row>
        <row r="3505">
          <cell r="C3505">
            <v>1.0528</v>
          </cell>
          <cell r="AT3505">
            <v>2007</v>
          </cell>
          <cell r="AU3505">
            <v>8</v>
          </cell>
        </row>
        <row r="3506">
          <cell r="C3506">
            <v>1.0528</v>
          </cell>
          <cell r="AT3506">
            <v>2007</v>
          </cell>
          <cell r="AU3506">
            <v>8</v>
          </cell>
        </row>
        <row r="3507">
          <cell r="C3507">
            <v>1.0552999999999999</v>
          </cell>
          <cell r="AT3507">
            <v>2007</v>
          </cell>
          <cell r="AU3507">
            <v>8</v>
          </cell>
        </row>
        <row r="3508">
          <cell r="C3508">
            <v>1.0499000000000001</v>
          </cell>
          <cell r="AT3508">
            <v>2007</v>
          </cell>
          <cell r="AU3508">
            <v>8</v>
          </cell>
        </row>
        <row r="3509">
          <cell r="C3509">
            <v>1.0565</v>
          </cell>
          <cell r="AT3509">
            <v>2007</v>
          </cell>
          <cell r="AU3509">
            <v>8</v>
          </cell>
        </row>
        <row r="3510">
          <cell r="C3510">
            <v>1.0536000000000001</v>
          </cell>
          <cell r="AT3510">
            <v>2007</v>
          </cell>
          <cell r="AU3510">
            <v>8</v>
          </cell>
        </row>
        <row r="3511">
          <cell r="C3511">
            <v>1.0536000000000001</v>
          </cell>
          <cell r="AT3511">
            <v>2007</v>
          </cell>
          <cell r="AU3511">
            <v>8</v>
          </cell>
        </row>
        <row r="3512">
          <cell r="C3512">
            <v>1.0536000000000001</v>
          </cell>
          <cell r="AT3512">
            <v>2007</v>
          </cell>
          <cell r="AU3512">
            <v>8</v>
          </cell>
        </row>
        <row r="3513">
          <cell r="C3513">
            <v>1.0508999999999999</v>
          </cell>
          <cell r="AT3513">
            <v>2007</v>
          </cell>
          <cell r="AU3513">
            <v>8</v>
          </cell>
        </row>
        <row r="3514">
          <cell r="C3514">
            <v>1.0636000000000001</v>
          </cell>
          <cell r="AT3514">
            <v>2007</v>
          </cell>
          <cell r="AU3514">
            <v>8</v>
          </cell>
        </row>
        <row r="3515">
          <cell r="C3515">
            <v>1.0746</v>
          </cell>
          <cell r="AT3515">
            <v>2007</v>
          </cell>
          <cell r="AU3515">
            <v>8</v>
          </cell>
        </row>
        <row r="3516">
          <cell r="C3516">
            <v>1.0754999999999999</v>
          </cell>
          <cell r="AT3516">
            <v>2007</v>
          </cell>
          <cell r="AU3516">
            <v>8</v>
          </cell>
        </row>
        <row r="3517">
          <cell r="C3517">
            <v>1.0634999999999999</v>
          </cell>
          <cell r="AT3517">
            <v>2007</v>
          </cell>
          <cell r="AU3517">
            <v>8</v>
          </cell>
        </row>
        <row r="3518">
          <cell r="C3518">
            <v>1.0634999999999999</v>
          </cell>
          <cell r="AT3518">
            <v>2007</v>
          </cell>
          <cell r="AU3518">
            <v>8</v>
          </cell>
        </row>
        <row r="3519">
          <cell r="C3519">
            <v>1.0634999999999999</v>
          </cell>
          <cell r="AT3519">
            <v>2007</v>
          </cell>
          <cell r="AU3519">
            <v>8</v>
          </cell>
        </row>
        <row r="3520">
          <cell r="C3520">
            <v>1.0582</v>
          </cell>
          <cell r="AT3520">
            <v>2007</v>
          </cell>
          <cell r="AU3520">
            <v>8</v>
          </cell>
        </row>
        <row r="3521">
          <cell r="C3521">
            <v>1.0601</v>
          </cell>
          <cell r="AT3521">
            <v>2007</v>
          </cell>
          <cell r="AU3521">
            <v>8</v>
          </cell>
        </row>
        <row r="3522">
          <cell r="C3522">
            <v>1.0621</v>
          </cell>
          <cell r="AT3522">
            <v>2007</v>
          </cell>
          <cell r="AU3522">
            <v>8</v>
          </cell>
        </row>
        <row r="3523">
          <cell r="C3523">
            <v>1.0568</v>
          </cell>
          <cell r="AT3523">
            <v>2007</v>
          </cell>
          <cell r="AU3523">
            <v>8</v>
          </cell>
        </row>
        <row r="3524">
          <cell r="C3524">
            <v>1.0525</v>
          </cell>
          <cell r="AT3524">
            <v>2007</v>
          </cell>
          <cell r="AU3524">
            <v>8</v>
          </cell>
        </row>
        <row r="3525">
          <cell r="C3525">
            <v>1.0525</v>
          </cell>
          <cell r="AT3525">
            <v>2007</v>
          </cell>
          <cell r="AU3525">
            <v>8</v>
          </cell>
        </row>
        <row r="3526">
          <cell r="C3526">
            <v>1.0525</v>
          </cell>
          <cell r="AT3526">
            <v>2007</v>
          </cell>
          <cell r="AU3526">
            <v>8</v>
          </cell>
        </row>
        <row r="3527">
          <cell r="C3527">
            <v>1.0516000000000001</v>
          </cell>
          <cell r="AT3527">
            <v>2007</v>
          </cell>
          <cell r="AU3527">
            <v>8</v>
          </cell>
        </row>
        <row r="3528">
          <cell r="C3528">
            <v>1.0615000000000001</v>
          </cell>
          <cell r="AT3528">
            <v>2007</v>
          </cell>
          <cell r="AU3528">
            <v>8</v>
          </cell>
        </row>
        <row r="3529">
          <cell r="C3529">
            <v>1.0591999999999999</v>
          </cell>
          <cell r="AT3529">
            <v>2007</v>
          </cell>
          <cell r="AU3529">
            <v>8</v>
          </cell>
        </row>
        <row r="3530">
          <cell r="C3530">
            <v>1.0567</v>
          </cell>
          <cell r="AT3530">
            <v>2007</v>
          </cell>
          <cell r="AU3530">
            <v>8</v>
          </cell>
        </row>
        <row r="3531">
          <cell r="C3531">
            <v>1.0564</v>
          </cell>
          <cell r="AT3531">
            <v>2007</v>
          </cell>
          <cell r="AU3531">
            <v>9</v>
          </cell>
        </row>
        <row r="3532">
          <cell r="C3532">
            <v>1.0564</v>
          </cell>
          <cell r="AT3532">
            <v>2007</v>
          </cell>
          <cell r="AU3532">
            <v>9</v>
          </cell>
        </row>
        <row r="3533">
          <cell r="C3533">
            <v>1.0564</v>
          </cell>
          <cell r="AT3533">
            <v>2007</v>
          </cell>
          <cell r="AU3533">
            <v>9</v>
          </cell>
        </row>
        <row r="3534">
          <cell r="C3534">
            <v>1.0564</v>
          </cell>
          <cell r="AT3534">
            <v>2007</v>
          </cell>
          <cell r="AU3534">
            <v>9</v>
          </cell>
        </row>
        <row r="3535">
          <cell r="C3535">
            <v>1.0496000000000001</v>
          </cell>
          <cell r="AT3535">
            <v>2007</v>
          </cell>
          <cell r="AU3535">
            <v>9</v>
          </cell>
        </row>
        <row r="3536">
          <cell r="C3536">
            <v>1.0508</v>
          </cell>
          <cell r="AT3536">
            <v>2007</v>
          </cell>
          <cell r="AU3536">
            <v>9</v>
          </cell>
        </row>
        <row r="3537">
          <cell r="C3537">
            <v>1.0532999999999999</v>
          </cell>
          <cell r="AT3537">
            <v>2007</v>
          </cell>
          <cell r="AU3537">
            <v>9</v>
          </cell>
        </row>
        <row r="3538">
          <cell r="C3538">
            <v>1.0546</v>
          </cell>
          <cell r="AT3538">
            <v>2007</v>
          </cell>
          <cell r="AU3538">
            <v>9</v>
          </cell>
        </row>
        <row r="3539">
          <cell r="C3539">
            <v>1.0546</v>
          </cell>
          <cell r="AT3539">
            <v>2007</v>
          </cell>
          <cell r="AU3539">
            <v>9</v>
          </cell>
        </row>
        <row r="3540">
          <cell r="C3540">
            <v>1.0546</v>
          </cell>
          <cell r="AT3540">
            <v>2007</v>
          </cell>
          <cell r="AU3540">
            <v>9</v>
          </cell>
        </row>
        <row r="3541">
          <cell r="C3541">
            <v>1.0532999999999999</v>
          </cell>
          <cell r="AT3541">
            <v>2007</v>
          </cell>
          <cell r="AU3541">
            <v>9</v>
          </cell>
        </row>
        <row r="3542">
          <cell r="C3542">
            <v>1.0430999999999999</v>
          </cell>
          <cell r="AT3542">
            <v>2007</v>
          </cell>
          <cell r="AU3542">
            <v>9</v>
          </cell>
        </row>
        <row r="3543">
          <cell r="C3543">
            <v>1.0370999999999999</v>
          </cell>
          <cell r="AT3543">
            <v>2007</v>
          </cell>
          <cell r="AU3543">
            <v>9</v>
          </cell>
        </row>
        <row r="3544">
          <cell r="C3544">
            <v>1.0326</v>
          </cell>
          <cell r="AT3544">
            <v>2007</v>
          </cell>
          <cell r="AU3544">
            <v>9</v>
          </cell>
        </row>
        <row r="3545">
          <cell r="C3545">
            <v>1.0293000000000001</v>
          </cell>
          <cell r="AT3545">
            <v>2007</v>
          </cell>
          <cell r="AU3545">
            <v>9</v>
          </cell>
        </row>
        <row r="3546">
          <cell r="C3546">
            <v>1.0293000000000001</v>
          </cell>
          <cell r="AT3546">
            <v>2007</v>
          </cell>
          <cell r="AU3546">
            <v>9</v>
          </cell>
        </row>
        <row r="3547">
          <cell r="C3547">
            <v>1.0293000000000001</v>
          </cell>
          <cell r="AT3547">
            <v>2007</v>
          </cell>
          <cell r="AU3547">
            <v>9</v>
          </cell>
        </row>
        <row r="3548">
          <cell r="C3548">
            <v>1.0307999999999999</v>
          </cell>
          <cell r="AT3548">
            <v>2007</v>
          </cell>
          <cell r="AU3548">
            <v>9</v>
          </cell>
        </row>
        <row r="3549">
          <cell r="C3549">
            <v>1.0236000000000001</v>
          </cell>
          <cell r="AT3549">
            <v>2007</v>
          </cell>
          <cell r="AU3549">
            <v>9</v>
          </cell>
        </row>
        <row r="3550">
          <cell r="C3550">
            <v>1.0146999999999999</v>
          </cell>
          <cell r="AT3550">
            <v>2007</v>
          </cell>
          <cell r="AU3550">
            <v>9</v>
          </cell>
        </row>
        <row r="3551">
          <cell r="C3551">
            <v>1.0016</v>
          </cell>
          <cell r="AT3551">
            <v>2007</v>
          </cell>
          <cell r="AU3551">
            <v>9</v>
          </cell>
        </row>
        <row r="3552">
          <cell r="C3552">
            <v>1.0008999999999999</v>
          </cell>
          <cell r="AT3552">
            <v>2007</v>
          </cell>
          <cell r="AU3552">
            <v>9</v>
          </cell>
        </row>
        <row r="3553">
          <cell r="C3553">
            <v>1.0008999999999999</v>
          </cell>
          <cell r="AT3553">
            <v>2007</v>
          </cell>
          <cell r="AU3553">
            <v>9</v>
          </cell>
        </row>
        <row r="3554">
          <cell r="C3554">
            <v>1.0008999999999999</v>
          </cell>
          <cell r="AT3554">
            <v>2007</v>
          </cell>
          <cell r="AU3554">
            <v>9</v>
          </cell>
        </row>
        <row r="3555">
          <cell r="C3555">
            <v>1.0012000000000001</v>
          </cell>
          <cell r="AT3555">
            <v>2007</v>
          </cell>
          <cell r="AU3555">
            <v>9</v>
          </cell>
        </row>
        <row r="3556">
          <cell r="C3556">
            <v>1.0009999999999999</v>
          </cell>
          <cell r="AT3556">
            <v>2007</v>
          </cell>
          <cell r="AU3556">
            <v>9</v>
          </cell>
        </row>
        <row r="3557">
          <cell r="C3557">
            <v>1.0047999999999999</v>
          </cell>
          <cell r="AT3557">
            <v>2007</v>
          </cell>
          <cell r="AU3557">
            <v>9</v>
          </cell>
        </row>
        <row r="3558">
          <cell r="C3558">
            <v>1.0031000000000001</v>
          </cell>
          <cell r="AT3558">
            <v>2007</v>
          </cell>
          <cell r="AU3558">
            <v>9</v>
          </cell>
        </row>
        <row r="3559">
          <cell r="C3559">
            <v>0.99629999999999996</v>
          </cell>
          <cell r="AT3559">
            <v>2007</v>
          </cell>
          <cell r="AU3559">
            <v>9</v>
          </cell>
        </row>
        <row r="3560">
          <cell r="C3560">
            <v>0.99629999999999996</v>
          </cell>
          <cell r="AT3560">
            <v>2007</v>
          </cell>
          <cell r="AU3560">
            <v>9</v>
          </cell>
        </row>
        <row r="3561">
          <cell r="C3561">
            <v>0.99629999999999996</v>
          </cell>
          <cell r="AT3561">
            <v>2007</v>
          </cell>
          <cell r="AU3561">
            <v>10</v>
          </cell>
        </row>
        <row r="3562">
          <cell r="C3562">
            <v>0.99309999999999998</v>
          </cell>
          <cell r="AT3562">
            <v>2007</v>
          </cell>
          <cell r="AU3562">
            <v>10</v>
          </cell>
        </row>
        <row r="3563">
          <cell r="C3563">
            <v>1.0004</v>
          </cell>
          <cell r="AT3563">
            <v>2007</v>
          </cell>
          <cell r="AU3563">
            <v>10</v>
          </cell>
        </row>
        <row r="3564">
          <cell r="C3564">
            <v>0.99609999999999999</v>
          </cell>
          <cell r="AT3564">
            <v>2007</v>
          </cell>
          <cell r="AU3564">
            <v>10</v>
          </cell>
        </row>
        <row r="3565">
          <cell r="C3565">
            <v>0.99829999999999997</v>
          </cell>
          <cell r="AT3565">
            <v>2007</v>
          </cell>
          <cell r="AU3565">
            <v>10</v>
          </cell>
        </row>
        <row r="3566">
          <cell r="C3566">
            <v>0.98119999999999996</v>
          </cell>
          <cell r="AT3566">
            <v>2007</v>
          </cell>
          <cell r="AU3566">
            <v>10</v>
          </cell>
        </row>
        <row r="3567">
          <cell r="C3567">
            <v>0.98119999999999996</v>
          </cell>
          <cell r="AT3567">
            <v>2007</v>
          </cell>
          <cell r="AU3567">
            <v>10</v>
          </cell>
        </row>
        <row r="3568">
          <cell r="C3568">
            <v>0.98119999999999996</v>
          </cell>
          <cell r="AT3568">
            <v>2007</v>
          </cell>
          <cell r="AU3568">
            <v>10</v>
          </cell>
        </row>
        <row r="3569">
          <cell r="C3569">
            <v>0.98119999999999996</v>
          </cell>
          <cell r="AT3569">
            <v>2007</v>
          </cell>
          <cell r="AU3569">
            <v>10</v>
          </cell>
        </row>
        <row r="3570">
          <cell r="C3570">
            <v>0.98460000000000003</v>
          </cell>
          <cell r="AT3570">
            <v>2007</v>
          </cell>
          <cell r="AU3570">
            <v>10</v>
          </cell>
        </row>
        <row r="3571">
          <cell r="C3571">
            <v>0.98140000000000005</v>
          </cell>
          <cell r="AT3571">
            <v>2007</v>
          </cell>
          <cell r="AU3571">
            <v>10</v>
          </cell>
        </row>
        <row r="3572">
          <cell r="C3572">
            <v>0.97430000000000005</v>
          </cell>
          <cell r="AT3572">
            <v>2007</v>
          </cell>
          <cell r="AU3572">
            <v>10</v>
          </cell>
        </row>
        <row r="3573">
          <cell r="C3573">
            <v>0.97389999999999999</v>
          </cell>
          <cell r="AT3573">
            <v>2007</v>
          </cell>
          <cell r="AU3573">
            <v>10</v>
          </cell>
        </row>
        <row r="3574">
          <cell r="C3574">
            <v>0.97389999999999999</v>
          </cell>
          <cell r="AT3574">
            <v>2007</v>
          </cell>
          <cell r="AU3574">
            <v>10</v>
          </cell>
        </row>
        <row r="3575">
          <cell r="C3575">
            <v>0.97389999999999999</v>
          </cell>
          <cell r="AT3575">
            <v>2007</v>
          </cell>
          <cell r="AU3575">
            <v>10</v>
          </cell>
        </row>
        <row r="3576">
          <cell r="C3576">
            <v>0.9758</v>
          </cell>
          <cell r="AT3576">
            <v>2007</v>
          </cell>
          <cell r="AU3576">
            <v>10</v>
          </cell>
        </row>
        <row r="3577">
          <cell r="C3577">
            <v>0.97789999999999999</v>
          </cell>
          <cell r="AT3577">
            <v>2007</v>
          </cell>
          <cell r="AU3577">
            <v>10</v>
          </cell>
        </row>
        <row r="3578">
          <cell r="C3578">
            <v>0.97370000000000001</v>
          </cell>
          <cell r="AT3578">
            <v>2007</v>
          </cell>
          <cell r="AU3578">
            <v>10</v>
          </cell>
        </row>
        <row r="3579">
          <cell r="C3579">
            <v>0.97340000000000004</v>
          </cell>
          <cell r="AT3579">
            <v>2007</v>
          </cell>
          <cell r="AU3579">
            <v>10</v>
          </cell>
        </row>
        <row r="3580">
          <cell r="C3580">
            <v>0.96379999999999999</v>
          </cell>
          <cell r="AT3580">
            <v>2007</v>
          </cell>
          <cell r="AU3580">
            <v>10</v>
          </cell>
        </row>
        <row r="3581">
          <cell r="C3581">
            <v>0.96379999999999999</v>
          </cell>
          <cell r="AT3581">
            <v>2007</v>
          </cell>
          <cell r="AU3581">
            <v>10</v>
          </cell>
        </row>
        <row r="3582">
          <cell r="C3582">
            <v>0.96379999999999999</v>
          </cell>
          <cell r="AT3582">
            <v>2007</v>
          </cell>
          <cell r="AU3582">
            <v>10</v>
          </cell>
        </row>
        <row r="3583">
          <cell r="C3583">
            <v>0.98109999999999997</v>
          </cell>
          <cell r="AT3583">
            <v>2007</v>
          </cell>
          <cell r="AU3583">
            <v>10</v>
          </cell>
        </row>
        <row r="3584">
          <cell r="C3584">
            <v>0.96740000000000004</v>
          </cell>
          <cell r="AT3584">
            <v>2007</v>
          </cell>
          <cell r="AU3584">
            <v>10</v>
          </cell>
        </row>
        <row r="3585">
          <cell r="C3585">
            <v>0.97119999999999995</v>
          </cell>
          <cell r="AT3585">
            <v>2007</v>
          </cell>
          <cell r="AU3585">
            <v>10</v>
          </cell>
        </row>
        <row r="3586">
          <cell r="C3586">
            <v>0.96740000000000004</v>
          </cell>
          <cell r="AT3586">
            <v>2007</v>
          </cell>
          <cell r="AU3586">
            <v>10</v>
          </cell>
        </row>
        <row r="3587">
          <cell r="C3587">
            <v>0.96189999999999998</v>
          </cell>
          <cell r="AT3587">
            <v>2007</v>
          </cell>
          <cell r="AU3587">
            <v>10</v>
          </cell>
        </row>
        <row r="3588">
          <cell r="C3588">
            <v>0.96189999999999998</v>
          </cell>
          <cell r="AT3588">
            <v>2007</v>
          </cell>
          <cell r="AU3588">
            <v>10</v>
          </cell>
        </row>
        <row r="3589">
          <cell r="C3589">
            <v>0.96189999999999998</v>
          </cell>
          <cell r="AT3589">
            <v>2007</v>
          </cell>
          <cell r="AU3589">
            <v>10</v>
          </cell>
        </row>
        <row r="3590">
          <cell r="C3590">
            <v>0.95479999999999998</v>
          </cell>
          <cell r="AT3590">
            <v>2007</v>
          </cell>
          <cell r="AU3590">
            <v>10</v>
          </cell>
        </row>
        <row r="3591">
          <cell r="C3591">
            <v>0.95350000000000001</v>
          </cell>
          <cell r="AT3591">
            <v>2007</v>
          </cell>
          <cell r="AU3591">
            <v>10</v>
          </cell>
        </row>
        <row r="3592">
          <cell r="C3592">
            <v>0.94989999999999997</v>
          </cell>
          <cell r="AT3592">
            <v>2007</v>
          </cell>
          <cell r="AU3592">
            <v>11</v>
          </cell>
        </row>
        <row r="3593">
          <cell r="C3593">
            <v>0.94989999999999997</v>
          </cell>
          <cell r="AT3593">
            <v>2007</v>
          </cell>
          <cell r="AU3593">
            <v>11</v>
          </cell>
        </row>
        <row r="3594">
          <cell r="C3594">
            <v>0.93589999999999995</v>
          </cell>
          <cell r="AT3594">
            <v>2007</v>
          </cell>
          <cell r="AU3594">
            <v>11</v>
          </cell>
        </row>
        <row r="3595">
          <cell r="C3595">
            <v>0.93589999999999995</v>
          </cell>
          <cell r="AT3595">
            <v>2007</v>
          </cell>
          <cell r="AU3595">
            <v>11</v>
          </cell>
        </row>
        <row r="3596">
          <cell r="C3596">
            <v>0.93589999999999995</v>
          </cell>
          <cell r="AT3596">
            <v>2007</v>
          </cell>
          <cell r="AU3596">
            <v>11</v>
          </cell>
        </row>
        <row r="3597">
          <cell r="C3597">
            <v>0.93389999999999995</v>
          </cell>
          <cell r="AT3597">
            <v>2007</v>
          </cell>
          <cell r="AU3597">
            <v>11</v>
          </cell>
        </row>
        <row r="3598">
          <cell r="C3598">
            <v>0.92449999999999999</v>
          </cell>
          <cell r="AT3598">
            <v>2007</v>
          </cell>
          <cell r="AU3598">
            <v>11</v>
          </cell>
        </row>
        <row r="3599">
          <cell r="C3599">
            <v>0.91700000000000004</v>
          </cell>
          <cell r="AT3599">
            <v>2007</v>
          </cell>
          <cell r="AU3599">
            <v>11</v>
          </cell>
        </row>
        <row r="3600">
          <cell r="C3600">
            <v>0.93059999999999998</v>
          </cell>
          <cell r="AT3600">
            <v>2007</v>
          </cell>
          <cell r="AU3600">
            <v>11</v>
          </cell>
        </row>
        <row r="3601">
          <cell r="C3601">
            <v>0.93910000000000005</v>
          </cell>
          <cell r="AT3601">
            <v>2007</v>
          </cell>
          <cell r="AU3601">
            <v>11</v>
          </cell>
        </row>
        <row r="3602">
          <cell r="C3602">
            <v>0.93910000000000005</v>
          </cell>
          <cell r="AT3602">
            <v>2007</v>
          </cell>
          <cell r="AU3602">
            <v>11</v>
          </cell>
        </row>
        <row r="3603">
          <cell r="C3603">
            <v>0.93910000000000005</v>
          </cell>
          <cell r="AT3603">
            <v>2007</v>
          </cell>
          <cell r="AU3603">
            <v>11</v>
          </cell>
        </row>
        <row r="3604">
          <cell r="C3604">
            <v>0.93910000000000005</v>
          </cell>
          <cell r="AT3604">
            <v>2007</v>
          </cell>
          <cell r="AU3604">
            <v>11</v>
          </cell>
        </row>
        <row r="3605">
          <cell r="C3605">
            <v>0.96430000000000005</v>
          </cell>
          <cell r="AT3605">
            <v>2007</v>
          </cell>
          <cell r="AU3605">
            <v>11</v>
          </cell>
        </row>
        <row r="3606">
          <cell r="C3606">
            <v>0.9607</v>
          </cell>
          <cell r="AT3606">
            <v>2007</v>
          </cell>
          <cell r="AU3606">
            <v>11</v>
          </cell>
        </row>
        <row r="3607">
          <cell r="C3607">
            <v>0.98080000000000001</v>
          </cell>
          <cell r="AT3607">
            <v>2007</v>
          </cell>
          <cell r="AU3607">
            <v>11</v>
          </cell>
        </row>
        <row r="3608">
          <cell r="C3608">
            <v>0.97289999999999999</v>
          </cell>
          <cell r="AT3608">
            <v>2007</v>
          </cell>
          <cell r="AU3608">
            <v>11</v>
          </cell>
        </row>
        <row r="3609">
          <cell r="C3609">
            <v>0.97289999999999999</v>
          </cell>
          <cell r="AT3609">
            <v>2007</v>
          </cell>
          <cell r="AU3609">
            <v>11</v>
          </cell>
        </row>
        <row r="3610">
          <cell r="C3610">
            <v>0.97289999999999999</v>
          </cell>
          <cell r="AT3610">
            <v>2007</v>
          </cell>
          <cell r="AU3610">
            <v>11</v>
          </cell>
        </row>
        <row r="3611">
          <cell r="C3611">
            <v>0.98370000000000002</v>
          </cell>
          <cell r="AT3611">
            <v>2007</v>
          </cell>
          <cell r="AU3611">
            <v>11</v>
          </cell>
        </row>
        <row r="3612">
          <cell r="C3612">
            <v>0.98499999999999999</v>
          </cell>
          <cell r="AT3612">
            <v>2007</v>
          </cell>
          <cell r="AU3612">
            <v>11</v>
          </cell>
        </row>
        <row r="3613">
          <cell r="C3613">
            <v>0.98950000000000005</v>
          </cell>
          <cell r="AT3613">
            <v>2007</v>
          </cell>
          <cell r="AU3613">
            <v>11</v>
          </cell>
        </row>
        <row r="3614">
          <cell r="C3614">
            <v>0.98950000000000005</v>
          </cell>
          <cell r="AT3614">
            <v>2007</v>
          </cell>
          <cell r="AU3614">
            <v>11</v>
          </cell>
        </row>
        <row r="3615">
          <cell r="C3615">
            <v>0.98950000000000005</v>
          </cell>
          <cell r="AT3615">
            <v>2007</v>
          </cell>
          <cell r="AU3615">
            <v>11</v>
          </cell>
        </row>
        <row r="3616">
          <cell r="C3616">
            <v>0.98950000000000005</v>
          </cell>
          <cell r="AT3616">
            <v>2007</v>
          </cell>
          <cell r="AU3616">
            <v>11</v>
          </cell>
        </row>
        <row r="3617">
          <cell r="C3617">
            <v>0.98950000000000005</v>
          </cell>
          <cell r="AT3617">
            <v>2007</v>
          </cell>
          <cell r="AU3617">
            <v>11</v>
          </cell>
        </row>
        <row r="3618">
          <cell r="C3618">
            <v>0.98770000000000002</v>
          </cell>
          <cell r="AT3618">
            <v>2007</v>
          </cell>
          <cell r="AU3618">
            <v>11</v>
          </cell>
        </row>
        <row r="3619">
          <cell r="C3619">
            <v>0.99650000000000005</v>
          </cell>
          <cell r="AT3619">
            <v>2007</v>
          </cell>
          <cell r="AU3619">
            <v>11</v>
          </cell>
        </row>
        <row r="3620">
          <cell r="C3620">
            <v>0.99080000000000001</v>
          </cell>
          <cell r="AT3620">
            <v>2007</v>
          </cell>
          <cell r="AU3620">
            <v>11</v>
          </cell>
        </row>
        <row r="3621">
          <cell r="C3621">
            <v>0.9929</v>
          </cell>
          <cell r="AT3621">
            <v>2007</v>
          </cell>
          <cell r="AU3621">
            <v>11</v>
          </cell>
        </row>
        <row r="3622">
          <cell r="C3622">
            <v>1.0007999999999999</v>
          </cell>
          <cell r="AT3622">
            <v>2007</v>
          </cell>
          <cell r="AU3622">
            <v>12</v>
          </cell>
        </row>
        <row r="3623">
          <cell r="C3623">
            <v>1.0007999999999999</v>
          </cell>
          <cell r="AT3623">
            <v>2007</v>
          </cell>
          <cell r="AU3623">
            <v>12</v>
          </cell>
        </row>
        <row r="3624">
          <cell r="C3624">
            <v>1.0007999999999999</v>
          </cell>
          <cell r="AT3624">
            <v>2007</v>
          </cell>
          <cell r="AU3624">
            <v>12</v>
          </cell>
        </row>
        <row r="3625">
          <cell r="C3625">
            <v>1.0007999999999999</v>
          </cell>
          <cell r="AT3625">
            <v>2007</v>
          </cell>
          <cell r="AU3625">
            <v>12</v>
          </cell>
        </row>
        <row r="3626">
          <cell r="C3626">
            <v>1.0104</v>
          </cell>
          <cell r="AT3626">
            <v>2007</v>
          </cell>
          <cell r="AU3626">
            <v>12</v>
          </cell>
        </row>
        <row r="3627">
          <cell r="C3627">
            <v>1.0130999999999999</v>
          </cell>
          <cell r="AT3627">
            <v>2007</v>
          </cell>
          <cell r="AU3627">
            <v>12</v>
          </cell>
        </row>
        <row r="3628">
          <cell r="C3628">
            <v>1.0124</v>
          </cell>
          <cell r="AT3628">
            <v>2007</v>
          </cell>
          <cell r="AU3628">
            <v>12</v>
          </cell>
        </row>
        <row r="3629">
          <cell r="C3629">
            <v>1.0053000000000001</v>
          </cell>
          <cell r="AT3629">
            <v>2007</v>
          </cell>
          <cell r="AU3629">
            <v>12</v>
          </cell>
        </row>
        <row r="3630">
          <cell r="C3630">
            <v>1.0053000000000001</v>
          </cell>
          <cell r="AT3630">
            <v>2007</v>
          </cell>
          <cell r="AU3630">
            <v>12</v>
          </cell>
        </row>
        <row r="3631">
          <cell r="C3631">
            <v>1.0053000000000001</v>
          </cell>
          <cell r="AT3631">
            <v>2007</v>
          </cell>
          <cell r="AU3631">
            <v>12</v>
          </cell>
        </row>
        <row r="3632">
          <cell r="C3632">
            <v>1.0103</v>
          </cell>
          <cell r="AT3632">
            <v>2007</v>
          </cell>
          <cell r="AU3632">
            <v>12</v>
          </cell>
        </row>
        <row r="3633">
          <cell r="C3633">
            <v>1.0107999999999999</v>
          </cell>
          <cell r="AT3633">
            <v>2007</v>
          </cell>
          <cell r="AU3633">
            <v>12</v>
          </cell>
        </row>
        <row r="3634">
          <cell r="C3634">
            <v>1.0106999999999999</v>
          </cell>
          <cell r="AT3634">
            <v>2007</v>
          </cell>
          <cell r="AU3634">
            <v>12</v>
          </cell>
        </row>
        <row r="3635">
          <cell r="C3635">
            <v>1.0217000000000001</v>
          </cell>
          <cell r="AT3635">
            <v>2007</v>
          </cell>
          <cell r="AU3635">
            <v>12</v>
          </cell>
        </row>
        <row r="3636">
          <cell r="C3636">
            <v>1.0137</v>
          </cell>
          <cell r="AT3636">
            <v>2007</v>
          </cell>
          <cell r="AU3636">
            <v>12</v>
          </cell>
        </row>
        <row r="3637">
          <cell r="C3637">
            <v>1.0137</v>
          </cell>
          <cell r="AT3637">
            <v>2007</v>
          </cell>
          <cell r="AU3637">
            <v>12</v>
          </cell>
        </row>
        <row r="3638">
          <cell r="C3638">
            <v>1.0137</v>
          </cell>
          <cell r="AT3638">
            <v>2007</v>
          </cell>
          <cell r="AU3638">
            <v>12</v>
          </cell>
        </row>
        <row r="3639">
          <cell r="C3639">
            <v>1.0073000000000001</v>
          </cell>
          <cell r="AT3639">
            <v>2007</v>
          </cell>
          <cell r="AU3639">
            <v>12</v>
          </cell>
        </row>
        <row r="3640">
          <cell r="C3640">
            <v>1.0105</v>
          </cell>
          <cell r="AT3640">
            <v>2007</v>
          </cell>
          <cell r="AU3640">
            <v>12</v>
          </cell>
        </row>
        <row r="3641">
          <cell r="C3641">
            <v>1.0056</v>
          </cell>
          <cell r="AT3641">
            <v>2007</v>
          </cell>
          <cell r="AU3641">
            <v>12</v>
          </cell>
        </row>
        <row r="3642">
          <cell r="C3642">
            <v>0.99829999999999997</v>
          </cell>
          <cell r="AT3642">
            <v>2007</v>
          </cell>
          <cell r="AU3642">
            <v>12</v>
          </cell>
        </row>
        <row r="3643">
          <cell r="C3643">
            <v>0.99439999999999995</v>
          </cell>
          <cell r="AT3643">
            <v>2007</v>
          </cell>
          <cell r="AU3643">
            <v>12</v>
          </cell>
        </row>
        <row r="3644">
          <cell r="C3644">
            <v>0.99439999999999995</v>
          </cell>
          <cell r="AT3644">
            <v>2007</v>
          </cell>
          <cell r="AU3644">
            <v>12</v>
          </cell>
        </row>
        <row r="3645">
          <cell r="C3645">
            <v>0.99439999999999995</v>
          </cell>
          <cell r="AT3645">
            <v>2007</v>
          </cell>
          <cell r="AU3645">
            <v>12</v>
          </cell>
        </row>
        <row r="3646">
          <cell r="C3646">
            <v>0.99439999999999995</v>
          </cell>
          <cell r="AT3646">
            <v>2007</v>
          </cell>
          <cell r="AU3646">
            <v>12</v>
          </cell>
        </row>
        <row r="3647">
          <cell r="C3647">
            <v>0.99439999999999995</v>
          </cell>
          <cell r="AT3647">
            <v>2007</v>
          </cell>
          <cell r="AU3647">
            <v>12</v>
          </cell>
        </row>
        <row r="3648">
          <cell r="C3648">
            <v>0.99439999999999995</v>
          </cell>
          <cell r="AT3648">
            <v>2007</v>
          </cell>
          <cell r="AU3648">
            <v>12</v>
          </cell>
        </row>
        <row r="3649">
          <cell r="C3649">
            <v>0.98109999999999997</v>
          </cell>
          <cell r="AT3649">
            <v>2007</v>
          </cell>
          <cell r="AU3649">
            <v>12</v>
          </cell>
        </row>
        <row r="3650">
          <cell r="C3650">
            <v>0.97850000000000004</v>
          </cell>
          <cell r="AT3650">
            <v>2007</v>
          </cell>
          <cell r="AU3650">
            <v>12</v>
          </cell>
        </row>
        <row r="3651">
          <cell r="C3651">
            <v>0.97850000000000004</v>
          </cell>
          <cell r="AT3651">
            <v>2007</v>
          </cell>
          <cell r="AU3651">
            <v>12</v>
          </cell>
        </row>
        <row r="3652">
          <cell r="C3652">
            <v>0.97850000000000004</v>
          </cell>
          <cell r="AT3652">
            <v>2007</v>
          </cell>
          <cell r="AU3652">
            <v>12</v>
          </cell>
        </row>
        <row r="3653">
          <cell r="C3653">
            <v>0.98809999999999998</v>
          </cell>
          <cell r="AT3653">
            <v>2008</v>
          </cell>
          <cell r="AU3653">
            <v>1</v>
          </cell>
        </row>
        <row r="3654">
          <cell r="C3654">
            <v>0.98809999999999998</v>
          </cell>
          <cell r="AT3654">
            <v>2008</v>
          </cell>
          <cell r="AU3654">
            <v>1</v>
          </cell>
        </row>
        <row r="3655">
          <cell r="C3655">
            <v>0.99270000000000003</v>
          </cell>
          <cell r="AT3655">
            <v>2008</v>
          </cell>
          <cell r="AU3655">
            <v>1</v>
          </cell>
        </row>
        <row r="3656">
          <cell r="C3656">
            <v>0.99050000000000005</v>
          </cell>
          <cell r="AT3656">
            <v>2008</v>
          </cell>
          <cell r="AU3656">
            <v>1</v>
          </cell>
        </row>
        <row r="3657">
          <cell r="C3657">
            <v>0.99909999999999999</v>
          </cell>
          <cell r="AT3657">
            <v>2008</v>
          </cell>
          <cell r="AU3657">
            <v>1</v>
          </cell>
        </row>
        <row r="3658">
          <cell r="C3658">
            <v>0.99909999999999999</v>
          </cell>
          <cell r="AT3658">
            <v>2008</v>
          </cell>
          <cell r="AU3658">
            <v>1</v>
          </cell>
        </row>
        <row r="3659">
          <cell r="C3659">
            <v>0.99909999999999999</v>
          </cell>
          <cell r="AT3659">
            <v>2008</v>
          </cell>
          <cell r="AU3659">
            <v>1</v>
          </cell>
        </row>
        <row r="3660">
          <cell r="C3660">
            <v>1.0051000000000001</v>
          </cell>
          <cell r="AT3660">
            <v>2008</v>
          </cell>
          <cell r="AU3660">
            <v>1</v>
          </cell>
        </row>
        <row r="3661">
          <cell r="C3661">
            <v>0.99860000000000004</v>
          </cell>
          <cell r="AT3661">
            <v>2008</v>
          </cell>
          <cell r="AU3661">
            <v>1</v>
          </cell>
        </row>
        <row r="3662">
          <cell r="C3662">
            <v>1.0085</v>
          </cell>
          <cell r="AT3662">
            <v>2008</v>
          </cell>
          <cell r="AU3662">
            <v>1</v>
          </cell>
        </row>
        <row r="3663">
          <cell r="C3663">
            <v>1.0139</v>
          </cell>
          <cell r="AT3663">
            <v>2008</v>
          </cell>
          <cell r="AU3663">
            <v>1</v>
          </cell>
        </row>
        <row r="3664">
          <cell r="C3664">
            <v>1.0199</v>
          </cell>
          <cell r="AT3664">
            <v>2008</v>
          </cell>
          <cell r="AU3664">
            <v>1</v>
          </cell>
        </row>
        <row r="3665">
          <cell r="C3665">
            <v>1.0199</v>
          </cell>
          <cell r="AT3665">
            <v>2008</v>
          </cell>
          <cell r="AU3665">
            <v>1</v>
          </cell>
        </row>
        <row r="3666">
          <cell r="C3666">
            <v>1.0199</v>
          </cell>
          <cell r="AT3666">
            <v>2008</v>
          </cell>
          <cell r="AU3666">
            <v>1</v>
          </cell>
        </row>
        <row r="3667">
          <cell r="C3667">
            <v>1.0210999999999999</v>
          </cell>
          <cell r="AT3667">
            <v>2008</v>
          </cell>
          <cell r="AU3667">
            <v>1</v>
          </cell>
        </row>
        <row r="3668">
          <cell r="C3668">
            <v>1.0168999999999999</v>
          </cell>
          <cell r="AT3668">
            <v>2008</v>
          </cell>
          <cell r="AU3668">
            <v>1</v>
          </cell>
        </row>
        <row r="3669">
          <cell r="C3669">
            <v>1.0239</v>
          </cell>
          <cell r="AT3669">
            <v>2008</v>
          </cell>
          <cell r="AU3669">
            <v>1</v>
          </cell>
        </row>
        <row r="3670">
          <cell r="C3670">
            <v>1.0293000000000001</v>
          </cell>
          <cell r="AT3670">
            <v>2008</v>
          </cell>
          <cell r="AU3670">
            <v>1</v>
          </cell>
        </row>
        <row r="3671">
          <cell r="C3671">
            <v>1.0295000000000001</v>
          </cell>
          <cell r="AT3671">
            <v>2008</v>
          </cell>
          <cell r="AU3671">
            <v>1</v>
          </cell>
        </row>
        <row r="3672">
          <cell r="C3672">
            <v>1.0295000000000001</v>
          </cell>
          <cell r="AT3672">
            <v>2008</v>
          </cell>
          <cell r="AU3672">
            <v>1</v>
          </cell>
        </row>
        <row r="3673">
          <cell r="C3673">
            <v>1.0295000000000001</v>
          </cell>
          <cell r="AT3673">
            <v>2008</v>
          </cell>
          <cell r="AU3673">
            <v>1</v>
          </cell>
        </row>
        <row r="3674">
          <cell r="C3674">
            <v>1.0295000000000001</v>
          </cell>
          <cell r="AT3674">
            <v>2008</v>
          </cell>
          <cell r="AU3674">
            <v>1</v>
          </cell>
        </row>
        <row r="3675">
          <cell r="C3675">
            <v>1.0253000000000001</v>
          </cell>
          <cell r="AT3675">
            <v>2008</v>
          </cell>
          <cell r="AU3675">
            <v>1</v>
          </cell>
        </row>
        <row r="3676">
          <cell r="C3676">
            <v>1.0286</v>
          </cell>
          <cell r="AT3676">
            <v>2008</v>
          </cell>
          <cell r="AU3676">
            <v>1</v>
          </cell>
        </row>
        <row r="3677">
          <cell r="C3677">
            <v>1.0072000000000001</v>
          </cell>
          <cell r="AT3677">
            <v>2008</v>
          </cell>
          <cell r="AU3677">
            <v>1</v>
          </cell>
        </row>
        <row r="3678">
          <cell r="C3678">
            <v>1.0044</v>
          </cell>
          <cell r="AT3678">
            <v>2008</v>
          </cell>
          <cell r="AU3678">
            <v>1</v>
          </cell>
        </row>
        <row r="3679">
          <cell r="C3679">
            <v>1.0044</v>
          </cell>
          <cell r="AT3679">
            <v>2008</v>
          </cell>
          <cell r="AU3679">
            <v>1</v>
          </cell>
        </row>
        <row r="3680">
          <cell r="C3680">
            <v>1.0044</v>
          </cell>
          <cell r="AT3680">
            <v>2008</v>
          </cell>
          <cell r="AU3680">
            <v>1</v>
          </cell>
        </row>
        <row r="3681">
          <cell r="C3681">
            <v>1.0044</v>
          </cell>
          <cell r="AT3681">
            <v>2008</v>
          </cell>
          <cell r="AU3681">
            <v>1</v>
          </cell>
        </row>
        <row r="3682">
          <cell r="C3682">
            <v>0.99770000000000003</v>
          </cell>
          <cell r="AT3682">
            <v>2008</v>
          </cell>
          <cell r="AU3682">
            <v>1</v>
          </cell>
        </row>
        <row r="3683">
          <cell r="C3683">
            <v>0.99370000000000003</v>
          </cell>
          <cell r="AT3683">
            <v>2008</v>
          </cell>
          <cell r="AU3683">
            <v>1</v>
          </cell>
        </row>
        <row r="3684">
          <cell r="C3684">
            <v>1.0022</v>
          </cell>
          <cell r="AT3684">
            <v>2008</v>
          </cell>
          <cell r="AU3684">
            <v>2</v>
          </cell>
        </row>
        <row r="3685">
          <cell r="C3685">
            <v>0.99429999999999996</v>
          </cell>
          <cell r="AT3685">
            <v>2008</v>
          </cell>
          <cell r="AU3685">
            <v>2</v>
          </cell>
        </row>
        <row r="3686">
          <cell r="C3686">
            <v>0.99429999999999996</v>
          </cell>
          <cell r="AT3686">
            <v>2008</v>
          </cell>
          <cell r="AU3686">
            <v>2</v>
          </cell>
        </row>
        <row r="3687">
          <cell r="C3687">
            <v>0.99429999999999996</v>
          </cell>
          <cell r="AT3687">
            <v>2008</v>
          </cell>
          <cell r="AU3687">
            <v>2</v>
          </cell>
        </row>
        <row r="3688">
          <cell r="C3688">
            <v>0.99309999999999998</v>
          </cell>
          <cell r="AT3688">
            <v>2008</v>
          </cell>
          <cell r="AU3688">
            <v>2</v>
          </cell>
        </row>
        <row r="3689">
          <cell r="C3689">
            <v>1.0043</v>
          </cell>
          <cell r="AT3689">
            <v>2008</v>
          </cell>
          <cell r="AU3689">
            <v>2</v>
          </cell>
        </row>
        <row r="3690">
          <cell r="C3690">
            <v>1.0025999999999999</v>
          </cell>
          <cell r="AT3690">
            <v>2008</v>
          </cell>
          <cell r="AU3690">
            <v>2</v>
          </cell>
        </row>
        <row r="3691">
          <cell r="C3691">
            <v>1.0115000000000001</v>
          </cell>
          <cell r="AT3691">
            <v>2008</v>
          </cell>
          <cell r="AU3691">
            <v>2</v>
          </cell>
        </row>
        <row r="3692">
          <cell r="C3692">
            <v>0.99909999999999999</v>
          </cell>
          <cell r="AT3692">
            <v>2008</v>
          </cell>
          <cell r="AU3692">
            <v>2</v>
          </cell>
        </row>
        <row r="3693">
          <cell r="C3693">
            <v>0.99909999999999999</v>
          </cell>
          <cell r="AT3693">
            <v>2008</v>
          </cell>
          <cell r="AU3693">
            <v>2</v>
          </cell>
        </row>
        <row r="3694">
          <cell r="C3694">
            <v>0.99909999999999999</v>
          </cell>
          <cell r="AT3694">
            <v>2008</v>
          </cell>
          <cell r="AU3694">
            <v>2</v>
          </cell>
        </row>
        <row r="3695">
          <cell r="C3695">
            <v>1.0017</v>
          </cell>
          <cell r="AT3695">
            <v>2008</v>
          </cell>
          <cell r="AU3695">
            <v>2</v>
          </cell>
        </row>
        <row r="3696">
          <cell r="C3696">
            <v>0.99629999999999996</v>
          </cell>
          <cell r="AT3696">
            <v>2008</v>
          </cell>
          <cell r="AU3696">
            <v>2</v>
          </cell>
        </row>
        <row r="3697">
          <cell r="C3697">
            <v>0.99950000000000006</v>
          </cell>
          <cell r="AT3697">
            <v>2008</v>
          </cell>
          <cell r="AU3697">
            <v>2</v>
          </cell>
        </row>
        <row r="3698">
          <cell r="C3698">
            <v>0.997</v>
          </cell>
          <cell r="AT3698">
            <v>2008</v>
          </cell>
          <cell r="AU3698">
            <v>2</v>
          </cell>
        </row>
        <row r="3699">
          <cell r="C3699">
            <v>1.0071000000000001</v>
          </cell>
          <cell r="AT3699">
            <v>2008</v>
          </cell>
          <cell r="AU3699">
            <v>2</v>
          </cell>
        </row>
        <row r="3700">
          <cell r="C3700">
            <v>1.0071000000000001</v>
          </cell>
          <cell r="AT3700">
            <v>2008</v>
          </cell>
          <cell r="AU3700">
            <v>2</v>
          </cell>
        </row>
        <row r="3701">
          <cell r="C3701">
            <v>1.0071000000000001</v>
          </cell>
          <cell r="AT3701">
            <v>2008</v>
          </cell>
          <cell r="AU3701">
            <v>2</v>
          </cell>
        </row>
        <row r="3702">
          <cell r="C3702">
            <v>1.0071000000000001</v>
          </cell>
          <cell r="AT3702">
            <v>2008</v>
          </cell>
          <cell r="AU3702">
            <v>2</v>
          </cell>
        </row>
        <row r="3703">
          <cell r="C3703">
            <v>1.016</v>
          </cell>
          <cell r="AT3703">
            <v>2008</v>
          </cell>
          <cell r="AU3703">
            <v>2</v>
          </cell>
        </row>
        <row r="3704">
          <cell r="C3704">
            <v>1.0189999999999999</v>
          </cell>
          <cell r="AT3704">
            <v>2008</v>
          </cell>
          <cell r="AU3704">
            <v>2</v>
          </cell>
        </row>
        <row r="3705">
          <cell r="C3705">
            <v>1.0086999999999999</v>
          </cell>
          <cell r="AT3705">
            <v>2008</v>
          </cell>
          <cell r="AU3705">
            <v>2</v>
          </cell>
        </row>
        <row r="3706">
          <cell r="C3706">
            <v>1.0156000000000001</v>
          </cell>
          <cell r="AT3706">
            <v>2008</v>
          </cell>
          <cell r="AU3706">
            <v>2</v>
          </cell>
        </row>
        <row r="3707">
          <cell r="C3707">
            <v>1.0156000000000001</v>
          </cell>
          <cell r="AT3707">
            <v>2008</v>
          </cell>
          <cell r="AU3707">
            <v>2</v>
          </cell>
        </row>
        <row r="3708">
          <cell r="C3708">
            <v>1.0156000000000001</v>
          </cell>
          <cell r="AT3708">
            <v>2008</v>
          </cell>
          <cell r="AU3708">
            <v>2</v>
          </cell>
        </row>
        <row r="3709">
          <cell r="C3709">
            <v>0.998</v>
          </cell>
          <cell r="AT3709">
            <v>2008</v>
          </cell>
          <cell r="AU3709">
            <v>2</v>
          </cell>
        </row>
        <row r="3710">
          <cell r="C3710">
            <v>0.9859</v>
          </cell>
          <cell r="AT3710">
            <v>2008</v>
          </cell>
          <cell r="AU3710">
            <v>2</v>
          </cell>
        </row>
        <row r="3711">
          <cell r="C3711">
            <v>0.9778</v>
          </cell>
          <cell r="AT3711">
            <v>2008</v>
          </cell>
          <cell r="AU3711">
            <v>2</v>
          </cell>
        </row>
        <row r="3712">
          <cell r="C3712">
            <v>0.97189999999999999</v>
          </cell>
          <cell r="AT3712">
            <v>2008</v>
          </cell>
          <cell r="AU3712">
            <v>2</v>
          </cell>
        </row>
        <row r="3713">
          <cell r="C3713">
            <v>0.9798</v>
          </cell>
          <cell r="AT3713">
            <v>2008</v>
          </cell>
          <cell r="AU3713">
            <v>3</v>
          </cell>
        </row>
        <row r="3714">
          <cell r="C3714">
            <v>0.9798</v>
          </cell>
          <cell r="AT3714">
            <v>2008</v>
          </cell>
          <cell r="AU3714">
            <v>3</v>
          </cell>
        </row>
        <row r="3715">
          <cell r="C3715">
            <v>0.9798</v>
          </cell>
          <cell r="AT3715">
            <v>2008</v>
          </cell>
          <cell r="AU3715">
            <v>3</v>
          </cell>
        </row>
        <row r="3716">
          <cell r="C3716">
            <v>0.98699999999999999</v>
          </cell>
          <cell r="AT3716">
            <v>2008</v>
          </cell>
          <cell r="AU3716">
            <v>3</v>
          </cell>
        </row>
        <row r="3717">
          <cell r="C3717">
            <v>0.99560000000000004</v>
          </cell>
          <cell r="AT3717">
            <v>2008</v>
          </cell>
          <cell r="AU3717">
            <v>3</v>
          </cell>
        </row>
        <row r="3718">
          <cell r="C3718">
            <v>0.98980000000000001</v>
          </cell>
          <cell r="AT3718">
            <v>2008</v>
          </cell>
          <cell r="AU3718">
            <v>3</v>
          </cell>
        </row>
        <row r="3719">
          <cell r="C3719">
            <v>0.98480000000000001</v>
          </cell>
          <cell r="AT3719">
            <v>2008</v>
          </cell>
          <cell r="AU3719">
            <v>3</v>
          </cell>
        </row>
        <row r="3720">
          <cell r="C3720">
            <v>0.99150000000000005</v>
          </cell>
          <cell r="AT3720">
            <v>2008</v>
          </cell>
          <cell r="AU3720">
            <v>3</v>
          </cell>
        </row>
        <row r="3721">
          <cell r="C3721">
            <v>0.99150000000000005</v>
          </cell>
          <cell r="AT3721">
            <v>2008</v>
          </cell>
          <cell r="AU3721">
            <v>3</v>
          </cell>
        </row>
        <row r="3722">
          <cell r="C3722">
            <v>0.99150000000000005</v>
          </cell>
          <cell r="AT3722">
            <v>2008</v>
          </cell>
          <cell r="AU3722">
            <v>3</v>
          </cell>
        </row>
        <row r="3723">
          <cell r="C3723">
            <v>0.99760000000000004</v>
          </cell>
          <cell r="AT3723">
            <v>2008</v>
          </cell>
          <cell r="AU3723">
            <v>3</v>
          </cell>
        </row>
        <row r="3724">
          <cell r="C3724">
            <v>0.99529999999999996</v>
          </cell>
          <cell r="AT3724">
            <v>2008</v>
          </cell>
          <cell r="AU3724">
            <v>3</v>
          </cell>
        </row>
        <row r="3725">
          <cell r="C3725">
            <v>0.98970000000000002</v>
          </cell>
          <cell r="AT3725">
            <v>2008</v>
          </cell>
          <cell r="AU3725">
            <v>3</v>
          </cell>
        </row>
        <row r="3726">
          <cell r="C3726">
            <v>0.98419999999999996</v>
          </cell>
          <cell r="AT3726">
            <v>2008</v>
          </cell>
          <cell r="AU3726">
            <v>3</v>
          </cell>
        </row>
        <row r="3727">
          <cell r="C3727">
            <v>0.98699999999999999</v>
          </cell>
          <cell r="AT3727">
            <v>2008</v>
          </cell>
          <cell r="AU3727">
            <v>3</v>
          </cell>
        </row>
        <row r="3728">
          <cell r="C3728">
            <v>0.98699999999999999</v>
          </cell>
          <cell r="AT3728">
            <v>2008</v>
          </cell>
          <cell r="AU3728">
            <v>3</v>
          </cell>
        </row>
        <row r="3729">
          <cell r="C3729">
            <v>0.98699999999999999</v>
          </cell>
          <cell r="AT3729">
            <v>2008</v>
          </cell>
          <cell r="AU3729">
            <v>3</v>
          </cell>
        </row>
        <row r="3730">
          <cell r="C3730">
            <v>0.99780000000000002</v>
          </cell>
          <cell r="AT3730">
            <v>2008</v>
          </cell>
          <cell r="AU3730">
            <v>3</v>
          </cell>
        </row>
        <row r="3731">
          <cell r="C3731">
            <v>0.99380000000000002</v>
          </cell>
          <cell r="AT3731">
            <v>2008</v>
          </cell>
          <cell r="AU3731">
            <v>3</v>
          </cell>
        </row>
        <row r="3732">
          <cell r="C3732">
            <v>1.0027999999999999</v>
          </cell>
          <cell r="AT3732">
            <v>2008</v>
          </cell>
          <cell r="AU3732">
            <v>3</v>
          </cell>
        </row>
        <row r="3733">
          <cell r="C3733">
            <v>1.0268999999999999</v>
          </cell>
          <cell r="AT3733">
            <v>2008</v>
          </cell>
          <cell r="AU3733">
            <v>3</v>
          </cell>
        </row>
        <row r="3734">
          <cell r="C3734">
            <v>1.0268999999999999</v>
          </cell>
          <cell r="AT3734">
            <v>2008</v>
          </cell>
          <cell r="AU3734">
            <v>3</v>
          </cell>
        </row>
        <row r="3735">
          <cell r="C3735">
            <v>1.0268999999999999</v>
          </cell>
          <cell r="AT3735">
            <v>2008</v>
          </cell>
          <cell r="AU3735">
            <v>3</v>
          </cell>
        </row>
        <row r="3736">
          <cell r="C3736">
            <v>1.0268999999999999</v>
          </cell>
          <cell r="AT3736">
            <v>2008</v>
          </cell>
          <cell r="AU3736">
            <v>3</v>
          </cell>
        </row>
        <row r="3737">
          <cell r="C3737">
            <v>1.0203</v>
          </cell>
          <cell r="AT3737">
            <v>2008</v>
          </cell>
          <cell r="AU3737">
            <v>3</v>
          </cell>
        </row>
        <row r="3738">
          <cell r="C3738">
            <v>1.0177</v>
          </cell>
          <cell r="AT3738">
            <v>2008</v>
          </cell>
          <cell r="AU3738">
            <v>3</v>
          </cell>
        </row>
        <row r="3739">
          <cell r="C3739">
            <v>1.018</v>
          </cell>
          <cell r="AT3739">
            <v>2008</v>
          </cell>
          <cell r="AU3739">
            <v>3</v>
          </cell>
        </row>
        <row r="3740">
          <cell r="C3740">
            <v>1.0146999999999999</v>
          </cell>
          <cell r="AT3740">
            <v>2008</v>
          </cell>
          <cell r="AU3740">
            <v>3</v>
          </cell>
        </row>
        <row r="3741">
          <cell r="C3741">
            <v>1.0181</v>
          </cell>
          <cell r="AT3741">
            <v>2008</v>
          </cell>
          <cell r="AU3741">
            <v>3</v>
          </cell>
        </row>
        <row r="3742">
          <cell r="C3742">
            <v>1.0181</v>
          </cell>
          <cell r="AT3742">
            <v>2008</v>
          </cell>
          <cell r="AU3742">
            <v>3</v>
          </cell>
        </row>
        <row r="3743">
          <cell r="C3743">
            <v>1.0181</v>
          </cell>
          <cell r="AT3743">
            <v>2008</v>
          </cell>
          <cell r="AU3743">
            <v>3</v>
          </cell>
        </row>
        <row r="3744">
          <cell r="C3744">
            <v>1.0279</v>
          </cell>
          <cell r="AT3744">
            <v>2008</v>
          </cell>
          <cell r="AU3744">
            <v>4</v>
          </cell>
        </row>
        <row r="3745">
          <cell r="C3745">
            <v>1.0269999999999999</v>
          </cell>
          <cell r="AT3745">
            <v>2008</v>
          </cell>
          <cell r="AU3745">
            <v>4</v>
          </cell>
        </row>
        <row r="3746">
          <cell r="C3746">
            <v>1.0177</v>
          </cell>
          <cell r="AT3746">
            <v>2008</v>
          </cell>
          <cell r="AU3746">
            <v>4</v>
          </cell>
        </row>
        <row r="3747">
          <cell r="C3747">
            <v>1.0082</v>
          </cell>
          <cell r="AT3747">
            <v>2008</v>
          </cell>
          <cell r="AU3747">
            <v>4</v>
          </cell>
        </row>
        <row r="3748">
          <cell r="C3748">
            <v>1.0091000000000001</v>
          </cell>
          <cell r="AT3748">
            <v>2008</v>
          </cell>
          <cell r="AU3748">
            <v>4</v>
          </cell>
        </row>
        <row r="3749">
          <cell r="C3749">
            <v>1.0091000000000001</v>
          </cell>
          <cell r="AT3749">
            <v>2008</v>
          </cell>
          <cell r="AU3749">
            <v>4</v>
          </cell>
        </row>
        <row r="3750">
          <cell r="C3750">
            <v>1.0091000000000001</v>
          </cell>
          <cell r="AT3750">
            <v>2008</v>
          </cell>
          <cell r="AU3750">
            <v>4</v>
          </cell>
        </row>
        <row r="3751">
          <cell r="C3751">
            <v>1.0109999999999999</v>
          </cell>
          <cell r="AT3751">
            <v>2008</v>
          </cell>
          <cell r="AU3751">
            <v>4</v>
          </cell>
        </row>
        <row r="3752">
          <cell r="C3752">
            <v>1.0149999999999999</v>
          </cell>
          <cell r="AT3752">
            <v>2008</v>
          </cell>
          <cell r="AU3752">
            <v>4</v>
          </cell>
        </row>
        <row r="3753">
          <cell r="C3753">
            <v>1.0194000000000001</v>
          </cell>
          <cell r="AT3753">
            <v>2008</v>
          </cell>
          <cell r="AU3753">
            <v>4</v>
          </cell>
        </row>
        <row r="3754">
          <cell r="C3754">
            <v>1.0179</v>
          </cell>
          <cell r="AT3754">
            <v>2008</v>
          </cell>
          <cell r="AU3754">
            <v>4</v>
          </cell>
        </row>
        <row r="3755">
          <cell r="C3755">
            <v>1.0215000000000001</v>
          </cell>
          <cell r="AT3755">
            <v>2008</v>
          </cell>
          <cell r="AU3755">
            <v>4</v>
          </cell>
        </row>
        <row r="3756">
          <cell r="C3756">
            <v>1.0215000000000001</v>
          </cell>
          <cell r="AT3756">
            <v>2008</v>
          </cell>
          <cell r="AU3756">
            <v>4</v>
          </cell>
        </row>
        <row r="3757">
          <cell r="C3757">
            <v>1.0215000000000001</v>
          </cell>
          <cell r="AT3757">
            <v>2008</v>
          </cell>
          <cell r="AU3757">
            <v>4</v>
          </cell>
        </row>
        <row r="3758">
          <cell r="C3758">
            <v>1.0207999999999999</v>
          </cell>
          <cell r="AT3758">
            <v>2008</v>
          </cell>
          <cell r="AU3758">
            <v>4</v>
          </cell>
        </row>
        <row r="3759">
          <cell r="C3759">
            <v>1.0181</v>
          </cell>
          <cell r="AT3759">
            <v>2008</v>
          </cell>
          <cell r="AU3759">
            <v>4</v>
          </cell>
        </row>
        <row r="3760">
          <cell r="C3760">
            <v>1.0024999999999999</v>
          </cell>
          <cell r="AT3760">
            <v>2008</v>
          </cell>
          <cell r="AU3760">
            <v>4</v>
          </cell>
        </row>
        <row r="3761">
          <cell r="C3761">
            <v>1.0113000000000001</v>
          </cell>
          <cell r="AT3761">
            <v>2008</v>
          </cell>
          <cell r="AU3761">
            <v>4</v>
          </cell>
        </row>
        <row r="3762">
          <cell r="C3762">
            <v>1.0084</v>
          </cell>
          <cell r="AT3762">
            <v>2008</v>
          </cell>
          <cell r="AU3762">
            <v>4</v>
          </cell>
        </row>
        <row r="3763">
          <cell r="C3763">
            <v>1.0084</v>
          </cell>
          <cell r="AT3763">
            <v>2008</v>
          </cell>
          <cell r="AU3763">
            <v>4</v>
          </cell>
        </row>
        <row r="3764">
          <cell r="C3764">
            <v>1.0084</v>
          </cell>
          <cell r="AT3764">
            <v>2008</v>
          </cell>
          <cell r="AU3764">
            <v>4</v>
          </cell>
        </row>
        <row r="3765">
          <cell r="C3765">
            <v>1.0065999999999999</v>
          </cell>
          <cell r="AT3765">
            <v>2008</v>
          </cell>
          <cell r="AU3765">
            <v>4</v>
          </cell>
        </row>
        <row r="3766">
          <cell r="C3766">
            <v>1.0033000000000001</v>
          </cell>
          <cell r="AT3766">
            <v>2008</v>
          </cell>
          <cell r="AU3766">
            <v>4</v>
          </cell>
        </row>
        <row r="3767">
          <cell r="C3767">
            <v>1.0195000000000001</v>
          </cell>
          <cell r="AT3767">
            <v>2008</v>
          </cell>
          <cell r="AU3767">
            <v>4</v>
          </cell>
        </row>
        <row r="3768">
          <cell r="C3768">
            <v>1.0132000000000001</v>
          </cell>
          <cell r="AT3768">
            <v>2008</v>
          </cell>
          <cell r="AU3768">
            <v>4</v>
          </cell>
        </row>
        <row r="3769">
          <cell r="C3769">
            <v>1.0164</v>
          </cell>
          <cell r="AT3769">
            <v>2008</v>
          </cell>
          <cell r="AU3769">
            <v>4</v>
          </cell>
        </row>
        <row r="3770">
          <cell r="C3770">
            <v>1.0164</v>
          </cell>
          <cell r="AT3770">
            <v>2008</v>
          </cell>
          <cell r="AU3770">
            <v>4</v>
          </cell>
        </row>
        <row r="3771">
          <cell r="C3771">
            <v>1.0164</v>
          </cell>
          <cell r="AT3771">
            <v>2008</v>
          </cell>
          <cell r="AU3771">
            <v>4</v>
          </cell>
        </row>
        <row r="3772">
          <cell r="C3772">
            <v>1.016</v>
          </cell>
          <cell r="AT3772">
            <v>2008</v>
          </cell>
          <cell r="AU3772">
            <v>4</v>
          </cell>
        </row>
        <row r="3773">
          <cell r="C3773">
            <v>1.0130999999999999</v>
          </cell>
          <cell r="AT3773">
            <v>2008</v>
          </cell>
          <cell r="AU3773">
            <v>4</v>
          </cell>
        </row>
        <row r="3774">
          <cell r="C3774">
            <v>1.0095000000000001</v>
          </cell>
          <cell r="AT3774">
            <v>2008</v>
          </cell>
          <cell r="AU3774">
            <v>5</v>
          </cell>
        </row>
        <row r="3775">
          <cell r="C3775">
            <v>1.0188999999999999</v>
          </cell>
          <cell r="AT3775">
            <v>2008</v>
          </cell>
          <cell r="AU3775">
            <v>5</v>
          </cell>
        </row>
        <row r="3776">
          <cell r="C3776">
            <v>1.0183</v>
          </cell>
          <cell r="AT3776">
            <v>2008</v>
          </cell>
          <cell r="AU3776">
            <v>5</v>
          </cell>
        </row>
        <row r="3777">
          <cell r="C3777">
            <v>1.0183</v>
          </cell>
          <cell r="AT3777">
            <v>2008</v>
          </cell>
          <cell r="AU3777">
            <v>5</v>
          </cell>
        </row>
        <row r="3778">
          <cell r="C3778">
            <v>1.0183</v>
          </cell>
          <cell r="AT3778">
            <v>2008</v>
          </cell>
          <cell r="AU3778">
            <v>5</v>
          </cell>
        </row>
        <row r="3779">
          <cell r="C3779">
            <v>1.0125</v>
          </cell>
          <cell r="AT3779">
            <v>2008</v>
          </cell>
          <cell r="AU3779">
            <v>5</v>
          </cell>
        </row>
        <row r="3780">
          <cell r="C3780">
            <v>1.0035000000000001</v>
          </cell>
          <cell r="AT3780">
            <v>2008</v>
          </cell>
          <cell r="AU3780">
            <v>5</v>
          </cell>
        </row>
        <row r="3781">
          <cell r="C3781">
            <v>1.0021</v>
          </cell>
          <cell r="AT3781">
            <v>2008</v>
          </cell>
          <cell r="AU3781">
            <v>5</v>
          </cell>
        </row>
        <row r="3782">
          <cell r="C3782">
            <v>1.0148999999999999</v>
          </cell>
          <cell r="AT3782">
            <v>2008</v>
          </cell>
          <cell r="AU3782">
            <v>5</v>
          </cell>
        </row>
        <row r="3783">
          <cell r="C3783">
            <v>1.0061</v>
          </cell>
          <cell r="AT3783">
            <v>2008</v>
          </cell>
          <cell r="AU3783">
            <v>5</v>
          </cell>
        </row>
        <row r="3784">
          <cell r="C3784">
            <v>1.0061</v>
          </cell>
          <cell r="AT3784">
            <v>2008</v>
          </cell>
          <cell r="AU3784">
            <v>5</v>
          </cell>
        </row>
        <row r="3785">
          <cell r="C3785">
            <v>1.0061</v>
          </cell>
          <cell r="AT3785">
            <v>2008</v>
          </cell>
          <cell r="AU3785">
            <v>5</v>
          </cell>
        </row>
        <row r="3786">
          <cell r="C3786">
            <v>1.0039</v>
          </cell>
          <cell r="AT3786">
            <v>2008</v>
          </cell>
          <cell r="AU3786">
            <v>5</v>
          </cell>
        </row>
        <row r="3787">
          <cell r="C3787">
            <v>1.0004999999999999</v>
          </cell>
          <cell r="AT3787">
            <v>2008</v>
          </cell>
          <cell r="AU3787">
            <v>5</v>
          </cell>
        </row>
        <row r="3788">
          <cell r="C3788">
            <v>1.002</v>
          </cell>
          <cell r="AT3788">
            <v>2008</v>
          </cell>
          <cell r="AU3788">
            <v>5</v>
          </cell>
        </row>
        <row r="3789">
          <cell r="C3789">
            <v>0.99980000000000002</v>
          </cell>
          <cell r="AT3789">
            <v>2008</v>
          </cell>
          <cell r="AU3789">
            <v>5</v>
          </cell>
        </row>
        <row r="3790">
          <cell r="C3790">
            <v>0.99680000000000002</v>
          </cell>
          <cell r="AT3790">
            <v>2008</v>
          </cell>
          <cell r="AU3790">
            <v>5</v>
          </cell>
        </row>
        <row r="3791">
          <cell r="C3791">
            <v>0.99680000000000002</v>
          </cell>
          <cell r="AT3791">
            <v>2008</v>
          </cell>
          <cell r="AU3791">
            <v>5</v>
          </cell>
        </row>
        <row r="3792">
          <cell r="C3792">
            <v>0.99680000000000002</v>
          </cell>
          <cell r="AT3792">
            <v>2008</v>
          </cell>
          <cell r="AU3792">
            <v>5</v>
          </cell>
        </row>
        <row r="3793">
          <cell r="C3793">
            <v>0.99680000000000002</v>
          </cell>
          <cell r="AT3793">
            <v>2008</v>
          </cell>
          <cell r="AU3793">
            <v>5</v>
          </cell>
        </row>
        <row r="3794">
          <cell r="C3794">
            <v>0.99299999999999999</v>
          </cell>
          <cell r="AT3794">
            <v>2008</v>
          </cell>
          <cell r="AU3794">
            <v>5</v>
          </cell>
        </row>
        <row r="3795">
          <cell r="C3795">
            <v>0.98440000000000005</v>
          </cell>
          <cell r="AT3795">
            <v>2008</v>
          </cell>
          <cell r="AU3795">
            <v>5</v>
          </cell>
        </row>
        <row r="3796">
          <cell r="C3796">
            <v>0.98609999999999998</v>
          </cell>
          <cell r="AT3796">
            <v>2008</v>
          </cell>
          <cell r="AU3796">
            <v>5</v>
          </cell>
        </row>
        <row r="3797">
          <cell r="C3797">
            <v>0.98829999999999996</v>
          </cell>
          <cell r="AT3797">
            <v>2008</v>
          </cell>
          <cell r="AU3797">
            <v>5</v>
          </cell>
        </row>
        <row r="3798">
          <cell r="C3798">
            <v>0.98829999999999996</v>
          </cell>
          <cell r="AT3798">
            <v>2008</v>
          </cell>
          <cell r="AU3798">
            <v>5</v>
          </cell>
        </row>
        <row r="3799">
          <cell r="C3799">
            <v>0.98829999999999996</v>
          </cell>
          <cell r="AT3799">
            <v>2008</v>
          </cell>
          <cell r="AU3799">
            <v>5</v>
          </cell>
        </row>
        <row r="3800">
          <cell r="C3800">
            <v>0.98829999999999996</v>
          </cell>
          <cell r="AT3800">
            <v>2008</v>
          </cell>
          <cell r="AU3800">
            <v>5</v>
          </cell>
        </row>
        <row r="3801">
          <cell r="C3801">
            <v>0.99319999999999997</v>
          </cell>
          <cell r="AT3801">
            <v>2008</v>
          </cell>
          <cell r="AU3801">
            <v>5</v>
          </cell>
        </row>
        <row r="3802">
          <cell r="C3802">
            <v>0.99150000000000005</v>
          </cell>
          <cell r="AT3802">
            <v>2008</v>
          </cell>
          <cell r="AU3802">
            <v>5</v>
          </cell>
        </row>
        <row r="3803">
          <cell r="C3803">
            <v>0.98719999999999997</v>
          </cell>
          <cell r="AT3803">
            <v>2008</v>
          </cell>
          <cell r="AU3803">
            <v>5</v>
          </cell>
        </row>
        <row r="3804">
          <cell r="C3804">
            <v>0.99419999999999997</v>
          </cell>
          <cell r="AT3804">
            <v>2008</v>
          </cell>
          <cell r="AU3804">
            <v>5</v>
          </cell>
        </row>
        <row r="3805">
          <cell r="C3805">
            <v>0.99419999999999997</v>
          </cell>
          <cell r="AT3805">
            <v>2008</v>
          </cell>
          <cell r="AU3805">
            <v>6</v>
          </cell>
        </row>
        <row r="3806">
          <cell r="C3806">
            <v>0.99419999999999997</v>
          </cell>
          <cell r="AT3806">
            <v>2008</v>
          </cell>
          <cell r="AU3806">
            <v>6</v>
          </cell>
        </row>
        <row r="3807">
          <cell r="C3807">
            <v>1.0013000000000001</v>
          </cell>
          <cell r="AT3807">
            <v>2008</v>
          </cell>
          <cell r="AU3807">
            <v>6</v>
          </cell>
        </row>
        <row r="3808">
          <cell r="C3808">
            <v>1.0051000000000001</v>
          </cell>
          <cell r="AT3808">
            <v>2008</v>
          </cell>
          <cell r="AU3808">
            <v>6</v>
          </cell>
        </row>
        <row r="3809">
          <cell r="C3809">
            <v>1.0145</v>
          </cell>
          <cell r="AT3809">
            <v>2008</v>
          </cell>
          <cell r="AU3809">
            <v>6</v>
          </cell>
        </row>
        <row r="3810">
          <cell r="C3810">
            <v>1.0198</v>
          </cell>
          <cell r="AT3810">
            <v>2008</v>
          </cell>
          <cell r="AU3810">
            <v>6</v>
          </cell>
        </row>
        <row r="3811">
          <cell r="C3811">
            <v>1.0186999999999999</v>
          </cell>
          <cell r="AT3811">
            <v>2008</v>
          </cell>
          <cell r="AU3811">
            <v>6</v>
          </cell>
        </row>
        <row r="3812">
          <cell r="C3812">
            <v>1.0186999999999999</v>
          </cell>
          <cell r="AT3812">
            <v>2008</v>
          </cell>
          <cell r="AU3812">
            <v>6</v>
          </cell>
        </row>
        <row r="3813">
          <cell r="C3813">
            <v>1.0186999999999999</v>
          </cell>
          <cell r="AT3813">
            <v>2008</v>
          </cell>
          <cell r="AU3813">
            <v>6</v>
          </cell>
        </row>
        <row r="3814">
          <cell r="C3814">
            <v>1.0225</v>
          </cell>
          <cell r="AT3814">
            <v>2008</v>
          </cell>
          <cell r="AU3814">
            <v>6</v>
          </cell>
        </row>
        <row r="3815">
          <cell r="C3815">
            <v>1.0243</v>
          </cell>
          <cell r="AT3815">
            <v>2008</v>
          </cell>
          <cell r="AU3815">
            <v>6</v>
          </cell>
        </row>
        <row r="3816">
          <cell r="C3816">
            <v>1.0174000000000001</v>
          </cell>
          <cell r="AT3816">
            <v>2008</v>
          </cell>
          <cell r="AU3816">
            <v>6</v>
          </cell>
        </row>
        <row r="3817">
          <cell r="C3817">
            <v>1.0232000000000001</v>
          </cell>
          <cell r="AT3817">
            <v>2008</v>
          </cell>
          <cell r="AU3817">
            <v>6</v>
          </cell>
        </row>
        <row r="3818">
          <cell r="C3818">
            <v>1.0282</v>
          </cell>
          <cell r="AT3818">
            <v>2008</v>
          </cell>
          <cell r="AU3818">
            <v>6</v>
          </cell>
        </row>
        <row r="3819">
          <cell r="C3819">
            <v>1.0282</v>
          </cell>
          <cell r="AT3819">
            <v>2008</v>
          </cell>
          <cell r="AU3819">
            <v>6</v>
          </cell>
        </row>
        <row r="3820">
          <cell r="C3820">
            <v>1.0282</v>
          </cell>
          <cell r="AT3820">
            <v>2008</v>
          </cell>
          <cell r="AU3820">
            <v>6</v>
          </cell>
        </row>
        <row r="3821">
          <cell r="C3821">
            <v>1.0210999999999999</v>
          </cell>
          <cell r="AT3821">
            <v>2008</v>
          </cell>
          <cell r="AU3821">
            <v>6</v>
          </cell>
        </row>
        <row r="3822">
          <cell r="C3822">
            <v>1.0199</v>
          </cell>
          <cell r="AT3822">
            <v>2008</v>
          </cell>
          <cell r="AU3822">
            <v>6</v>
          </cell>
        </row>
        <row r="3823">
          <cell r="C3823">
            <v>1.0185999999999999</v>
          </cell>
          <cell r="AT3823">
            <v>2008</v>
          </cell>
          <cell r="AU3823">
            <v>6</v>
          </cell>
        </row>
        <row r="3824">
          <cell r="C3824">
            <v>1.0132000000000001</v>
          </cell>
          <cell r="AT3824">
            <v>2008</v>
          </cell>
          <cell r="AU3824">
            <v>6</v>
          </cell>
        </row>
        <row r="3825">
          <cell r="C3825">
            <v>1.0172000000000001</v>
          </cell>
          <cell r="AT3825">
            <v>2008</v>
          </cell>
          <cell r="AU3825">
            <v>6</v>
          </cell>
        </row>
        <row r="3826">
          <cell r="C3826">
            <v>1.0172000000000001</v>
          </cell>
          <cell r="AT3826">
            <v>2008</v>
          </cell>
          <cell r="AU3826">
            <v>6</v>
          </cell>
        </row>
        <row r="3827">
          <cell r="C3827">
            <v>1.0172000000000001</v>
          </cell>
          <cell r="AT3827">
            <v>2008</v>
          </cell>
          <cell r="AU3827">
            <v>6</v>
          </cell>
        </row>
        <row r="3828">
          <cell r="C3828">
            <v>1.0163</v>
          </cell>
          <cell r="AT3828">
            <v>2008</v>
          </cell>
          <cell r="AU3828">
            <v>6</v>
          </cell>
        </row>
        <row r="3829">
          <cell r="C3829">
            <v>1.0136000000000001</v>
          </cell>
          <cell r="AT3829">
            <v>2008</v>
          </cell>
          <cell r="AU3829">
            <v>6</v>
          </cell>
        </row>
        <row r="3830">
          <cell r="C3830">
            <v>1.0135000000000001</v>
          </cell>
          <cell r="AT3830">
            <v>2008</v>
          </cell>
          <cell r="AU3830">
            <v>6</v>
          </cell>
        </row>
        <row r="3831">
          <cell r="C3831">
            <v>1.0121</v>
          </cell>
          <cell r="AT3831">
            <v>2008</v>
          </cell>
          <cell r="AU3831">
            <v>6</v>
          </cell>
        </row>
        <row r="3832">
          <cell r="C3832">
            <v>1.0123</v>
          </cell>
          <cell r="AT3832">
            <v>2008</v>
          </cell>
          <cell r="AU3832">
            <v>6</v>
          </cell>
        </row>
        <row r="3833">
          <cell r="C3833">
            <v>1.0123</v>
          </cell>
          <cell r="AT3833">
            <v>2008</v>
          </cell>
          <cell r="AU3833">
            <v>6</v>
          </cell>
        </row>
        <row r="3834">
          <cell r="C3834">
            <v>1.0123</v>
          </cell>
          <cell r="AT3834">
            <v>2008</v>
          </cell>
          <cell r="AU3834">
            <v>6</v>
          </cell>
        </row>
        <row r="3835">
          <cell r="C3835">
            <v>1.0185999999999999</v>
          </cell>
          <cell r="AT3835">
            <v>2008</v>
          </cell>
          <cell r="AU3835">
            <v>7</v>
          </cell>
        </row>
        <row r="3836">
          <cell r="C3836">
            <v>1.0185999999999999</v>
          </cell>
          <cell r="AT3836">
            <v>2008</v>
          </cell>
          <cell r="AU3836">
            <v>7</v>
          </cell>
        </row>
        <row r="3837">
          <cell r="C3837">
            <v>1.0128999999999999</v>
          </cell>
          <cell r="AT3837">
            <v>2008</v>
          </cell>
          <cell r="AU3837">
            <v>7</v>
          </cell>
        </row>
        <row r="3838">
          <cell r="C3838">
            <v>1.0206</v>
          </cell>
          <cell r="AT3838">
            <v>2008</v>
          </cell>
          <cell r="AU3838">
            <v>7</v>
          </cell>
        </row>
        <row r="3839">
          <cell r="C3839">
            <v>1.0173000000000001</v>
          </cell>
          <cell r="AT3839">
            <v>2008</v>
          </cell>
          <cell r="AU3839">
            <v>7</v>
          </cell>
        </row>
        <row r="3840">
          <cell r="C3840">
            <v>1.0173000000000001</v>
          </cell>
          <cell r="AT3840">
            <v>2008</v>
          </cell>
          <cell r="AU3840">
            <v>7</v>
          </cell>
        </row>
        <row r="3841">
          <cell r="C3841">
            <v>1.0173000000000001</v>
          </cell>
          <cell r="AT3841">
            <v>2008</v>
          </cell>
          <cell r="AU3841">
            <v>7</v>
          </cell>
        </row>
        <row r="3842">
          <cell r="C3842">
            <v>1.0173000000000001</v>
          </cell>
          <cell r="AT3842">
            <v>2008</v>
          </cell>
          <cell r="AU3842">
            <v>7</v>
          </cell>
        </row>
        <row r="3843">
          <cell r="C3843">
            <v>1.0206999999999999</v>
          </cell>
          <cell r="AT3843">
            <v>2008</v>
          </cell>
          <cell r="AU3843">
            <v>7</v>
          </cell>
        </row>
        <row r="3844">
          <cell r="C3844">
            <v>1.0107999999999999</v>
          </cell>
          <cell r="AT3844">
            <v>2008</v>
          </cell>
          <cell r="AU3844">
            <v>7</v>
          </cell>
        </row>
        <row r="3845">
          <cell r="C3845">
            <v>1.0102</v>
          </cell>
          <cell r="AT3845">
            <v>2008</v>
          </cell>
          <cell r="AU3845">
            <v>7</v>
          </cell>
        </row>
        <row r="3846">
          <cell r="C3846">
            <v>1.0092000000000001</v>
          </cell>
          <cell r="AT3846">
            <v>2008</v>
          </cell>
          <cell r="AU3846">
            <v>7</v>
          </cell>
        </row>
        <row r="3847">
          <cell r="C3847">
            <v>1.0092000000000001</v>
          </cell>
          <cell r="AT3847">
            <v>2008</v>
          </cell>
          <cell r="AU3847">
            <v>7</v>
          </cell>
        </row>
        <row r="3848">
          <cell r="C3848">
            <v>1.0092000000000001</v>
          </cell>
          <cell r="AT3848">
            <v>2008</v>
          </cell>
          <cell r="AU3848">
            <v>7</v>
          </cell>
        </row>
        <row r="3849">
          <cell r="C3849">
            <v>1.0061</v>
          </cell>
          <cell r="AT3849">
            <v>2008</v>
          </cell>
          <cell r="AU3849">
            <v>7</v>
          </cell>
        </row>
        <row r="3850">
          <cell r="C3850">
            <v>1.002</v>
          </cell>
          <cell r="AT3850">
            <v>2008</v>
          </cell>
          <cell r="AU3850">
            <v>7</v>
          </cell>
        </row>
        <row r="3851">
          <cell r="C3851">
            <v>1.0017</v>
          </cell>
          <cell r="AT3851">
            <v>2008</v>
          </cell>
          <cell r="AU3851">
            <v>7</v>
          </cell>
        </row>
        <row r="3852">
          <cell r="C3852">
            <v>1.0016</v>
          </cell>
          <cell r="AT3852">
            <v>2008</v>
          </cell>
          <cell r="AU3852">
            <v>7</v>
          </cell>
        </row>
        <row r="3853">
          <cell r="C3853">
            <v>1.0053000000000001</v>
          </cell>
          <cell r="AT3853">
            <v>2008</v>
          </cell>
          <cell r="AU3853">
            <v>7</v>
          </cell>
        </row>
        <row r="3854">
          <cell r="C3854">
            <v>1.0053000000000001</v>
          </cell>
          <cell r="AT3854">
            <v>2008</v>
          </cell>
          <cell r="AU3854">
            <v>7</v>
          </cell>
        </row>
        <row r="3855">
          <cell r="C3855">
            <v>1.0053000000000001</v>
          </cell>
          <cell r="AT3855">
            <v>2008</v>
          </cell>
          <cell r="AU3855">
            <v>7</v>
          </cell>
        </row>
        <row r="3856">
          <cell r="C3856">
            <v>1.0021</v>
          </cell>
          <cell r="AT3856">
            <v>2008</v>
          </cell>
          <cell r="AU3856">
            <v>7</v>
          </cell>
        </row>
        <row r="3857">
          <cell r="C3857">
            <v>1.0085</v>
          </cell>
          <cell r="AT3857">
            <v>2008</v>
          </cell>
          <cell r="AU3857">
            <v>7</v>
          </cell>
        </row>
        <row r="3858">
          <cell r="C3858">
            <v>1.0087999999999999</v>
          </cell>
          <cell r="AT3858">
            <v>2008</v>
          </cell>
          <cell r="AU3858">
            <v>7</v>
          </cell>
        </row>
        <row r="3859">
          <cell r="C3859">
            <v>1.0114000000000001</v>
          </cell>
          <cell r="AT3859">
            <v>2008</v>
          </cell>
          <cell r="AU3859">
            <v>7</v>
          </cell>
        </row>
        <row r="3860">
          <cell r="C3860">
            <v>1.0164</v>
          </cell>
          <cell r="AT3860">
            <v>2008</v>
          </cell>
          <cell r="AU3860">
            <v>7</v>
          </cell>
        </row>
        <row r="3861">
          <cell r="C3861">
            <v>1.0164</v>
          </cell>
          <cell r="AT3861">
            <v>2008</v>
          </cell>
          <cell r="AU3861">
            <v>7</v>
          </cell>
        </row>
        <row r="3862">
          <cell r="C3862">
            <v>1.0164</v>
          </cell>
          <cell r="AT3862">
            <v>2008</v>
          </cell>
          <cell r="AU3862">
            <v>7</v>
          </cell>
        </row>
        <row r="3863">
          <cell r="C3863">
            <v>1.0222</v>
          </cell>
          <cell r="AT3863">
            <v>2008</v>
          </cell>
          <cell r="AU3863">
            <v>7</v>
          </cell>
        </row>
        <row r="3864">
          <cell r="C3864">
            <v>1.0261</v>
          </cell>
          <cell r="AT3864">
            <v>2008</v>
          </cell>
          <cell r="AU3864">
            <v>7</v>
          </cell>
        </row>
        <row r="3865">
          <cell r="C3865">
            <v>1.0242</v>
          </cell>
          <cell r="AT3865">
            <v>2008</v>
          </cell>
          <cell r="AU3865">
            <v>7</v>
          </cell>
        </row>
        <row r="3866">
          <cell r="C3866">
            <v>1.0257000000000001</v>
          </cell>
          <cell r="AT3866">
            <v>2008</v>
          </cell>
          <cell r="AU3866">
            <v>8</v>
          </cell>
        </row>
        <row r="3867">
          <cell r="C3867">
            <v>1.0253000000000001</v>
          </cell>
          <cell r="AT3867">
            <v>2008</v>
          </cell>
          <cell r="AU3867">
            <v>8</v>
          </cell>
        </row>
        <row r="3868">
          <cell r="C3868">
            <v>1.0253000000000001</v>
          </cell>
          <cell r="AT3868">
            <v>2008</v>
          </cell>
          <cell r="AU3868">
            <v>8</v>
          </cell>
        </row>
        <row r="3869">
          <cell r="C3869">
            <v>1.0253000000000001</v>
          </cell>
          <cell r="AT3869">
            <v>2008</v>
          </cell>
          <cell r="AU3869">
            <v>8</v>
          </cell>
        </row>
        <row r="3870">
          <cell r="C3870">
            <v>1.0253000000000001</v>
          </cell>
          <cell r="AT3870">
            <v>2008</v>
          </cell>
          <cell r="AU3870">
            <v>8</v>
          </cell>
        </row>
        <row r="3871">
          <cell r="C3871">
            <v>1.0426</v>
          </cell>
          <cell r="AT3871">
            <v>2008</v>
          </cell>
          <cell r="AU3871">
            <v>8</v>
          </cell>
        </row>
        <row r="3872">
          <cell r="C3872">
            <v>1.0469999999999999</v>
          </cell>
          <cell r="AT3872">
            <v>2008</v>
          </cell>
          <cell r="AU3872">
            <v>8</v>
          </cell>
        </row>
        <row r="3873">
          <cell r="C3873">
            <v>1.0510999999999999</v>
          </cell>
          <cell r="AT3873">
            <v>2008</v>
          </cell>
          <cell r="AU3873">
            <v>8</v>
          </cell>
        </row>
        <row r="3874">
          <cell r="C3874">
            <v>1.0678000000000001</v>
          </cell>
          <cell r="AT3874">
            <v>2008</v>
          </cell>
          <cell r="AU3874">
            <v>8</v>
          </cell>
        </row>
        <row r="3875">
          <cell r="C3875">
            <v>1.0678000000000001</v>
          </cell>
          <cell r="AT3875">
            <v>2008</v>
          </cell>
          <cell r="AU3875">
            <v>8</v>
          </cell>
        </row>
        <row r="3876">
          <cell r="C3876">
            <v>1.0678000000000001</v>
          </cell>
          <cell r="AT3876">
            <v>2008</v>
          </cell>
          <cell r="AU3876">
            <v>8</v>
          </cell>
        </row>
        <row r="3877">
          <cell r="C3877">
            <v>1.0676000000000001</v>
          </cell>
          <cell r="AT3877">
            <v>2008</v>
          </cell>
          <cell r="AU3877">
            <v>8</v>
          </cell>
        </row>
        <row r="3878">
          <cell r="C3878">
            <v>1.0640000000000001</v>
          </cell>
          <cell r="AT3878">
            <v>2008</v>
          </cell>
          <cell r="AU3878">
            <v>8</v>
          </cell>
        </row>
        <row r="3879">
          <cell r="C3879">
            <v>1.0657000000000001</v>
          </cell>
          <cell r="AT3879">
            <v>2008</v>
          </cell>
          <cell r="AU3879">
            <v>8</v>
          </cell>
        </row>
        <row r="3880">
          <cell r="C3880">
            <v>1.0620000000000001</v>
          </cell>
          <cell r="AT3880">
            <v>2008</v>
          </cell>
          <cell r="AU3880">
            <v>8</v>
          </cell>
        </row>
        <row r="3881">
          <cell r="C3881">
            <v>1.0609</v>
          </cell>
          <cell r="AT3881">
            <v>2008</v>
          </cell>
          <cell r="AU3881">
            <v>8</v>
          </cell>
        </row>
        <row r="3882">
          <cell r="C3882">
            <v>1.0609</v>
          </cell>
          <cell r="AT3882">
            <v>2008</v>
          </cell>
          <cell r="AU3882">
            <v>8</v>
          </cell>
        </row>
        <row r="3883">
          <cell r="C3883">
            <v>1.0609</v>
          </cell>
          <cell r="AT3883">
            <v>2008</v>
          </cell>
          <cell r="AU3883">
            <v>8</v>
          </cell>
        </row>
        <row r="3884">
          <cell r="C3884">
            <v>1.0605</v>
          </cell>
          <cell r="AT3884">
            <v>2008</v>
          </cell>
          <cell r="AU3884">
            <v>8</v>
          </cell>
        </row>
        <row r="3885">
          <cell r="C3885">
            <v>1.0607</v>
          </cell>
          <cell r="AT3885">
            <v>2008</v>
          </cell>
          <cell r="AU3885">
            <v>8</v>
          </cell>
        </row>
        <row r="3886">
          <cell r="C3886">
            <v>1.0628</v>
          </cell>
          <cell r="AT3886">
            <v>2008</v>
          </cell>
          <cell r="AU3886">
            <v>8</v>
          </cell>
        </row>
        <row r="3887">
          <cell r="C3887">
            <v>1.0456000000000001</v>
          </cell>
          <cell r="AT3887">
            <v>2008</v>
          </cell>
          <cell r="AU3887">
            <v>8</v>
          </cell>
        </row>
        <row r="3888">
          <cell r="C3888">
            <v>1.0458000000000001</v>
          </cell>
          <cell r="AT3888">
            <v>2008</v>
          </cell>
          <cell r="AU3888">
            <v>8</v>
          </cell>
        </row>
        <row r="3889">
          <cell r="C3889">
            <v>1.0458000000000001</v>
          </cell>
          <cell r="AT3889">
            <v>2008</v>
          </cell>
          <cell r="AU3889">
            <v>8</v>
          </cell>
        </row>
        <row r="3890">
          <cell r="C3890">
            <v>1.0458000000000001</v>
          </cell>
          <cell r="AT3890">
            <v>2008</v>
          </cell>
          <cell r="AU3890">
            <v>8</v>
          </cell>
        </row>
        <row r="3891">
          <cell r="C3891">
            <v>1.0464</v>
          </cell>
          <cell r="AT3891">
            <v>2008</v>
          </cell>
          <cell r="AU3891">
            <v>8</v>
          </cell>
        </row>
        <row r="3892">
          <cell r="C3892">
            <v>1.0483</v>
          </cell>
          <cell r="AT3892">
            <v>2008</v>
          </cell>
          <cell r="AU3892">
            <v>8</v>
          </cell>
        </row>
        <row r="3893">
          <cell r="C3893">
            <v>1.0486</v>
          </cell>
          <cell r="AT3893">
            <v>2008</v>
          </cell>
          <cell r="AU3893">
            <v>8</v>
          </cell>
        </row>
        <row r="3894">
          <cell r="C3894">
            <v>1.0526</v>
          </cell>
          <cell r="AT3894">
            <v>2008</v>
          </cell>
          <cell r="AU3894">
            <v>8</v>
          </cell>
        </row>
        <row r="3895">
          <cell r="C3895">
            <v>1.0626</v>
          </cell>
          <cell r="AT3895">
            <v>2008</v>
          </cell>
          <cell r="AU3895">
            <v>8</v>
          </cell>
        </row>
        <row r="3896">
          <cell r="C3896">
            <v>1.0626</v>
          </cell>
          <cell r="AT3896">
            <v>2008</v>
          </cell>
          <cell r="AU3896">
            <v>8</v>
          </cell>
        </row>
        <row r="3897">
          <cell r="C3897">
            <v>1.0626</v>
          </cell>
          <cell r="AT3897">
            <v>2008</v>
          </cell>
          <cell r="AU3897">
            <v>9</v>
          </cell>
        </row>
        <row r="3898">
          <cell r="C3898">
            <v>1.0626</v>
          </cell>
          <cell r="AT3898">
            <v>2008</v>
          </cell>
          <cell r="AU3898">
            <v>9</v>
          </cell>
        </row>
        <row r="3899">
          <cell r="C3899">
            <v>1.0701000000000001</v>
          </cell>
          <cell r="AT3899">
            <v>2008</v>
          </cell>
          <cell r="AU3899">
            <v>9</v>
          </cell>
        </row>
        <row r="3900">
          <cell r="C3900">
            <v>1.0607</v>
          </cell>
          <cell r="AT3900">
            <v>2008</v>
          </cell>
          <cell r="AU3900">
            <v>9</v>
          </cell>
        </row>
        <row r="3901">
          <cell r="C3901">
            <v>1.0642</v>
          </cell>
          <cell r="AT3901">
            <v>2008</v>
          </cell>
          <cell r="AU3901">
            <v>9</v>
          </cell>
        </row>
        <row r="3902">
          <cell r="C3902">
            <v>1.0641</v>
          </cell>
          <cell r="AT3902">
            <v>2008</v>
          </cell>
          <cell r="AU3902">
            <v>9</v>
          </cell>
        </row>
        <row r="3903">
          <cell r="C3903">
            <v>1.0641</v>
          </cell>
          <cell r="AT3903">
            <v>2008</v>
          </cell>
          <cell r="AU3903">
            <v>9</v>
          </cell>
        </row>
        <row r="3904">
          <cell r="C3904">
            <v>1.0641</v>
          </cell>
          <cell r="AT3904">
            <v>2008</v>
          </cell>
          <cell r="AU3904">
            <v>9</v>
          </cell>
        </row>
        <row r="3905">
          <cell r="C3905">
            <v>1.0696000000000001</v>
          </cell>
          <cell r="AT3905">
            <v>2008</v>
          </cell>
          <cell r="AU3905">
            <v>9</v>
          </cell>
        </row>
        <row r="3906">
          <cell r="C3906">
            <v>1.0679000000000001</v>
          </cell>
          <cell r="AT3906">
            <v>2008</v>
          </cell>
          <cell r="AU3906">
            <v>9</v>
          </cell>
        </row>
        <row r="3907">
          <cell r="C3907">
            <v>1.0738000000000001</v>
          </cell>
          <cell r="AT3907">
            <v>2008</v>
          </cell>
          <cell r="AU3907">
            <v>9</v>
          </cell>
        </row>
        <row r="3908">
          <cell r="C3908">
            <v>1.0795999999999999</v>
          </cell>
          <cell r="AT3908">
            <v>2008</v>
          </cell>
          <cell r="AU3908">
            <v>9</v>
          </cell>
        </row>
        <row r="3909">
          <cell r="C3909">
            <v>1.0609</v>
          </cell>
          <cell r="AT3909">
            <v>2008</v>
          </cell>
          <cell r="AU3909">
            <v>9</v>
          </cell>
        </row>
        <row r="3910">
          <cell r="C3910">
            <v>1.0609</v>
          </cell>
          <cell r="AT3910">
            <v>2008</v>
          </cell>
          <cell r="AU3910">
            <v>9</v>
          </cell>
        </row>
        <row r="3911">
          <cell r="C3911">
            <v>1.0609</v>
          </cell>
          <cell r="AT3911">
            <v>2008</v>
          </cell>
          <cell r="AU3911">
            <v>9</v>
          </cell>
        </row>
        <row r="3912">
          <cell r="C3912">
            <v>1.0677000000000001</v>
          </cell>
          <cell r="AT3912">
            <v>2008</v>
          </cell>
          <cell r="AU3912">
            <v>9</v>
          </cell>
        </row>
        <row r="3913">
          <cell r="C3913">
            <v>1.0733999999999999</v>
          </cell>
          <cell r="AT3913">
            <v>2008</v>
          </cell>
          <cell r="AU3913">
            <v>9</v>
          </cell>
        </row>
        <row r="3914">
          <cell r="C3914">
            <v>1.0783</v>
          </cell>
          <cell r="AT3914">
            <v>2008</v>
          </cell>
          <cell r="AU3914">
            <v>9</v>
          </cell>
        </row>
        <row r="3915">
          <cell r="C3915">
            <v>1.0701000000000001</v>
          </cell>
          <cell r="AT3915">
            <v>2008</v>
          </cell>
          <cell r="AU3915">
            <v>9</v>
          </cell>
        </row>
        <row r="3916">
          <cell r="C3916">
            <v>1.0469999999999999</v>
          </cell>
          <cell r="AT3916">
            <v>2008</v>
          </cell>
          <cell r="AU3916">
            <v>9</v>
          </cell>
        </row>
        <row r="3917">
          <cell r="C3917">
            <v>1.0469999999999999</v>
          </cell>
          <cell r="AT3917">
            <v>2008</v>
          </cell>
          <cell r="AU3917">
            <v>9</v>
          </cell>
        </row>
        <row r="3918">
          <cell r="C3918">
            <v>1.0469999999999999</v>
          </cell>
          <cell r="AT3918">
            <v>2008</v>
          </cell>
          <cell r="AU3918">
            <v>9</v>
          </cell>
        </row>
        <row r="3919">
          <cell r="C3919">
            <v>1.0382</v>
          </cell>
          <cell r="AT3919">
            <v>2008</v>
          </cell>
          <cell r="AU3919">
            <v>9</v>
          </cell>
        </row>
        <row r="3920">
          <cell r="C3920">
            <v>1.0355000000000001</v>
          </cell>
          <cell r="AT3920">
            <v>2008</v>
          </cell>
          <cell r="AU3920">
            <v>9</v>
          </cell>
        </row>
        <row r="3921">
          <cell r="C3921">
            <v>1.0350999999999999</v>
          </cell>
          <cell r="AT3921">
            <v>2008</v>
          </cell>
          <cell r="AU3921">
            <v>9</v>
          </cell>
        </row>
        <row r="3922">
          <cell r="C3922">
            <v>1.0338000000000001</v>
          </cell>
          <cell r="AT3922">
            <v>2008</v>
          </cell>
          <cell r="AU3922">
            <v>9</v>
          </cell>
        </row>
        <row r="3923">
          <cell r="C3923">
            <v>1.0348999999999999</v>
          </cell>
          <cell r="AT3923">
            <v>2008</v>
          </cell>
          <cell r="AU3923">
            <v>9</v>
          </cell>
        </row>
        <row r="3924">
          <cell r="C3924">
            <v>1.0348999999999999</v>
          </cell>
          <cell r="AT3924">
            <v>2008</v>
          </cell>
          <cell r="AU3924">
            <v>9</v>
          </cell>
        </row>
        <row r="3925">
          <cell r="C3925">
            <v>1.0348999999999999</v>
          </cell>
          <cell r="AT3925">
            <v>2008</v>
          </cell>
          <cell r="AU3925">
            <v>9</v>
          </cell>
        </row>
        <row r="3926">
          <cell r="C3926">
            <v>1.0394000000000001</v>
          </cell>
          <cell r="AT3926">
            <v>2008</v>
          </cell>
          <cell r="AU3926">
            <v>9</v>
          </cell>
        </row>
        <row r="3927">
          <cell r="C3927">
            <v>1.0599000000000001</v>
          </cell>
          <cell r="AT3927">
            <v>2008</v>
          </cell>
          <cell r="AU3927">
            <v>10</v>
          </cell>
        </row>
        <row r="3928">
          <cell r="C3928">
            <v>1.0609</v>
          </cell>
          <cell r="AT3928">
            <v>2008</v>
          </cell>
          <cell r="AU3928">
            <v>10</v>
          </cell>
        </row>
        <row r="3929">
          <cell r="C3929">
            <v>1.0769</v>
          </cell>
          <cell r="AT3929">
            <v>2008</v>
          </cell>
          <cell r="AU3929">
            <v>10</v>
          </cell>
        </row>
        <row r="3930">
          <cell r="C3930">
            <v>1.0811999999999999</v>
          </cell>
          <cell r="AT3930">
            <v>2008</v>
          </cell>
          <cell r="AU3930">
            <v>10</v>
          </cell>
        </row>
        <row r="3931">
          <cell r="C3931">
            <v>1.0811999999999999</v>
          </cell>
          <cell r="AT3931">
            <v>2008</v>
          </cell>
          <cell r="AU3931">
            <v>10</v>
          </cell>
        </row>
        <row r="3932">
          <cell r="C3932">
            <v>1.0811999999999999</v>
          </cell>
          <cell r="AT3932">
            <v>2008</v>
          </cell>
          <cell r="AU3932">
            <v>10</v>
          </cell>
        </row>
        <row r="3933">
          <cell r="C3933">
            <v>1.1027</v>
          </cell>
          <cell r="AT3933">
            <v>2008</v>
          </cell>
          <cell r="AU3933">
            <v>10</v>
          </cell>
        </row>
        <row r="3934">
          <cell r="C3934">
            <v>1.1057999999999999</v>
          </cell>
          <cell r="AT3934">
            <v>2008</v>
          </cell>
          <cell r="AU3934">
            <v>10</v>
          </cell>
        </row>
        <row r="3935">
          <cell r="C3935">
            <v>1.1249</v>
          </cell>
          <cell r="AT3935">
            <v>2008</v>
          </cell>
          <cell r="AU3935">
            <v>10</v>
          </cell>
        </row>
        <row r="3936">
          <cell r="C3936">
            <v>1.1486000000000001</v>
          </cell>
          <cell r="AT3936">
            <v>2008</v>
          </cell>
          <cell r="AU3936">
            <v>10</v>
          </cell>
        </row>
        <row r="3937">
          <cell r="C3937">
            <v>1.1907000000000001</v>
          </cell>
          <cell r="AT3937">
            <v>2008</v>
          </cell>
          <cell r="AU3937">
            <v>10</v>
          </cell>
        </row>
        <row r="3938">
          <cell r="C3938">
            <v>1.1907000000000001</v>
          </cell>
          <cell r="AT3938">
            <v>2008</v>
          </cell>
          <cell r="AU3938">
            <v>10</v>
          </cell>
        </row>
        <row r="3939">
          <cell r="C3939">
            <v>1.1907000000000001</v>
          </cell>
          <cell r="AT3939">
            <v>2008</v>
          </cell>
          <cell r="AU3939">
            <v>10</v>
          </cell>
        </row>
        <row r="3940">
          <cell r="C3940">
            <v>1.1907000000000001</v>
          </cell>
          <cell r="AT3940">
            <v>2008</v>
          </cell>
          <cell r="AU3940">
            <v>10</v>
          </cell>
        </row>
        <row r="3941">
          <cell r="C3941">
            <v>1.1601999999999999</v>
          </cell>
          <cell r="AT3941">
            <v>2008</v>
          </cell>
          <cell r="AU3941">
            <v>10</v>
          </cell>
        </row>
        <row r="3942">
          <cell r="C3942">
            <v>1.1801999999999999</v>
          </cell>
          <cell r="AT3942">
            <v>2008</v>
          </cell>
          <cell r="AU3942">
            <v>10</v>
          </cell>
        </row>
        <row r="3943">
          <cell r="C3943">
            <v>1.1952</v>
          </cell>
          <cell r="AT3943">
            <v>2008</v>
          </cell>
          <cell r="AU3943">
            <v>10</v>
          </cell>
        </row>
        <row r="3944">
          <cell r="C3944">
            <v>1.1822999999999999</v>
          </cell>
          <cell r="AT3944">
            <v>2008</v>
          </cell>
          <cell r="AU3944">
            <v>10</v>
          </cell>
        </row>
        <row r="3945">
          <cell r="C3945">
            <v>1.1822999999999999</v>
          </cell>
          <cell r="AT3945">
            <v>2008</v>
          </cell>
          <cell r="AU3945">
            <v>10</v>
          </cell>
        </row>
        <row r="3946">
          <cell r="C3946">
            <v>1.1822999999999999</v>
          </cell>
          <cell r="AT3946">
            <v>2008</v>
          </cell>
          <cell r="AU3946">
            <v>10</v>
          </cell>
        </row>
        <row r="3947">
          <cell r="C3947">
            <v>1.1976</v>
          </cell>
          <cell r="AT3947">
            <v>2008</v>
          </cell>
          <cell r="AU3947">
            <v>10</v>
          </cell>
        </row>
        <row r="3948">
          <cell r="C3948">
            <v>1.2202</v>
          </cell>
          <cell r="AT3948">
            <v>2008</v>
          </cell>
          <cell r="AU3948">
            <v>10</v>
          </cell>
        </row>
        <row r="3949">
          <cell r="C3949">
            <v>1.2499</v>
          </cell>
          <cell r="AT3949">
            <v>2008</v>
          </cell>
          <cell r="AU3949">
            <v>10</v>
          </cell>
        </row>
        <row r="3950">
          <cell r="C3950">
            <v>1.2573000000000001</v>
          </cell>
          <cell r="AT3950">
            <v>2008</v>
          </cell>
          <cell r="AU3950">
            <v>10</v>
          </cell>
        </row>
        <row r="3951">
          <cell r="C3951">
            <v>1.2732000000000001</v>
          </cell>
          <cell r="AT3951">
            <v>2008</v>
          </cell>
          <cell r="AU3951">
            <v>10</v>
          </cell>
        </row>
        <row r="3952">
          <cell r="C3952">
            <v>1.2732000000000001</v>
          </cell>
          <cell r="AT3952">
            <v>2008</v>
          </cell>
          <cell r="AU3952">
            <v>10</v>
          </cell>
        </row>
        <row r="3953">
          <cell r="C3953">
            <v>1.2732000000000001</v>
          </cell>
          <cell r="AT3953">
            <v>2008</v>
          </cell>
          <cell r="AU3953">
            <v>10</v>
          </cell>
        </row>
        <row r="3954">
          <cell r="C3954">
            <v>1.2929999999999999</v>
          </cell>
          <cell r="AT3954">
            <v>2008</v>
          </cell>
          <cell r="AU3954">
            <v>10</v>
          </cell>
        </row>
        <row r="3955">
          <cell r="C3955">
            <v>1.2943</v>
          </cell>
          <cell r="AT3955">
            <v>2008</v>
          </cell>
          <cell r="AU3955">
            <v>10</v>
          </cell>
        </row>
        <row r="3956">
          <cell r="C3956">
            <v>1.2307999999999999</v>
          </cell>
          <cell r="AT3956">
            <v>2008</v>
          </cell>
          <cell r="AU3956">
            <v>10</v>
          </cell>
        </row>
        <row r="3957">
          <cell r="C3957">
            <v>1.2221</v>
          </cell>
          <cell r="AT3957">
            <v>2008</v>
          </cell>
          <cell r="AU3957">
            <v>10</v>
          </cell>
        </row>
        <row r="3958">
          <cell r="C3958">
            <v>1.2164999999999999</v>
          </cell>
          <cell r="AT3958">
            <v>2008</v>
          </cell>
          <cell r="AU3958">
            <v>11</v>
          </cell>
        </row>
        <row r="3959">
          <cell r="C3959">
            <v>1.2164999999999999</v>
          </cell>
          <cell r="AT3959">
            <v>2008</v>
          </cell>
          <cell r="AU3959">
            <v>11</v>
          </cell>
        </row>
        <row r="3960">
          <cell r="C3960">
            <v>1.2164999999999999</v>
          </cell>
          <cell r="AT3960">
            <v>2008</v>
          </cell>
          <cell r="AU3960">
            <v>11</v>
          </cell>
        </row>
        <row r="3961">
          <cell r="C3961">
            <v>1.1875</v>
          </cell>
          <cell r="AT3961">
            <v>2008</v>
          </cell>
          <cell r="AU3961">
            <v>11</v>
          </cell>
        </row>
        <row r="3962">
          <cell r="C3962">
            <v>1.1498999999999999</v>
          </cell>
          <cell r="AT3962">
            <v>2008</v>
          </cell>
          <cell r="AU3962">
            <v>11</v>
          </cell>
        </row>
        <row r="3963">
          <cell r="C3963">
            <v>1.1596</v>
          </cell>
          <cell r="AT3963">
            <v>2008</v>
          </cell>
          <cell r="AU3963">
            <v>11</v>
          </cell>
        </row>
        <row r="3964">
          <cell r="C3964">
            <v>1.1818</v>
          </cell>
          <cell r="AT3964">
            <v>2008</v>
          </cell>
          <cell r="AU3964">
            <v>11</v>
          </cell>
        </row>
        <row r="3965">
          <cell r="C3965">
            <v>1.1835</v>
          </cell>
          <cell r="AT3965">
            <v>2008</v>
          </cell>
          <cell r="AU3965">
            <v>11</v>
          </cell>
        </row>
        <row r="3966">
          <cell r="C3966">
            <v>1.1835</v>
          </cell>
          <cell r="AT3966">
            <v>2008</v>
          </cell>
          <cell r="AU3966">
            <v>11</v>
          </cell>
        </row>
        <row r="3967">
          <cell r="C3967">
            <v>1.1835</v>
          </cell>
          <cell r="AT3967">
            <v>2008</v>
          </cell>
          <cell r="AU3967">
            <v>11</v>
          </cell>
        </row>
        <row r="3968">
          <cell r="C3968">
            <v>1.1941999999999999</v>
          </cell>
          <cell r="AT3968">
            <v>2008</v>
          </cell>
          <cell r="AU3968">
            <v>11</v>
          </cell>
        </row>
        <row r="3969">
          <cell r="C3969">
            <v>1.1941999999999999</v>
          </cell>
          <cell r="AT3969">
            <v>2008</v>
          </cell>
          <cell r="AU3969">
            <v>11</v>
          </cell>
        </row>
        <row r="3970">
          <cell r="C3970">
            <v>1.2295</v>
          </cell>
          <cell r="AT3970">
            <v>2008</v>
          </cell>
          <cell r="AU3970">
            <v>11</v>
          </cell>
        </row>
        <row r="3971">
          <cell r="C3971">
            <v>1.2315</v>
          </cell>
          <cell r="AT3971">
            <v>2008</v>
          </cell>
          <cell r="AU3971">
            <v>11</v>
          </cell>
        </row>
        <row r="3972">
          <cell r="C3972">
            <v>1.2246999999999999</v>
          </cell>
          <cell r="AT3972">
            <v>2008</v>
          </cell>
          <cell r="AU3972">
            <v>11</v>
          </cell>
        </row>
        <row r="3973">
          <cell r="C3973">
            <v>1.2246999999999999</v>
          </cell>
          <cell r="AT3973">
            <v>2008</v>
          </cell>
          <cell r="AU3973">
            <v>11</v>
          </cell>
        </row>
        <row r="3974">
          <cell r="C3974">
            <v>1.2246999999999999</v>
          </cell>
          <cell r="AT3974">
            <v>2008</v>
          </cell>
          <cell r="AU3974">
            <v>11</v>
          </cell>
        </row>
        <row r="3975">
          <cell r="C3975">
            <v>1.2211000000000001</v>
          </cell>
          <cell r="AT3975">
            <v>2008</v>
          </cell>
          <cell r="AU3975">
            <v>11</v>
          </cell>
        </row>
        <row r="3976">
          <cell r="C3976">
            <v>1.2239</v>
          </cell>
          <cell r="AT3976">
            <v>2008</v>
          </cell>
          <cell r="AU3976">
            <v>11</v>
          </cell>
        </row>
        <row r="3977">
          <cell r="C3977">
            <v>1.2370000000000001</v>
          </cell>
          <cell r="AT3977">
            <v>2008</v>
          </cell>
          <cell r="AU3977">
            <v>11</v>
          </cell>
        </row>
        <row r="3978">
          <cell r="C3978">
            <v>1.2855000000000001</v>
          </cell>
          <cell r="AT3978">
            <v>2008</v>
          </cell>
          <cell r="AU3978">
            <v>11</v>
          </cell>
        </row>
        <row r="3979">
          <cell r="C3979">
            <v>1.2854000000000001</v>
          </cell>
          <cell r="AT3979">
            <v>2008</v>
          </cell>
          <cell r="AU3979">
            <v>11</v>
          </cell>
        </row>
        <row r="3980">
          <cell r="C3980">
            <v>1.2854000000000001</v>
          </cell>
          <cell r="AT3980">
            <v>2008</v>
          </cell>
          <cell r="AU3980">
            <v>11</v>
          </cell>
        </row>
        <row r="3981">
          <cell r="C3981">
            <v>1.2854000000000001</v>
          </cell>
          <cell r="AT3981">
            <v>2008</v>
          </cell>
          <cell r="AU3981">
            <v>11</v>
          </cell>
        </row>
        <row r="3982">
          <cell r="C3982">
            <v>1.2250000000000001</v>
          </cell>
          <cell r="AT3982">
            <v>2008</v>
          </cell>
          <cell r="AU3982">
            <v>11</v>
          </cell>
        </row>
        <row r="3983">
          <cell r="C3983">
            <v>1.2209000000000001</v>
          </cell>
          <cell r="AT3983">
            <v>2008</v>
          </cell>
          <cell r="AU3983">
            <v>11</v>
          </cell>
        </row>
        <row r="3984">
          <cell r="C3984">
            <v>1.2342</v>
          </cell>
          <cell r="AT3984">
            <v>2008</v>
          </cell>
          <cell r="AU3984">
            <v>11</v>
          </cell>
        </row>
        <row r="3985">
          <cell r="C3985">
            <v>1.2342</v>
          </cell>
          <cell r="AT3985">
            <v>2008</v>
          </cell>
          <cell r="AU3985">
            <v>11</v>
          </cell>
        </row>
        <row r="3986">
          <cell r="C3986">
            <v>1.2342</v>
          </cell>
          <cell r="AT3986">
            <v>2008</v>
          </cell>
          <cell r="AU3986">
            <v>11</v>
          </cell>
        </row>
        <row r="3987">
          <cell r="C3987">
            <v>1.2342</v>
          </cell>
          <cell r="AT3987">
            <v>2008</v>
          </cell>
          <cell r="AU3987">
            <v>11</v>
          </cell>
        </row>
        <row r="3988">
          <cell r="C3988">
            <v>1.2342</v>
          </cell>
          <cell r="AT3988">
            <v>2008</v>
          </cell>
          <cell r="AU3988">
            <v>12</v>
          </cell>
        </row>
        <row r="3989">
          <cell r="C3989">
            <v>1.2377</v>
          </cell>
          <cell r="AT3989">
            <v>2008</v>
          </cell>
          <cell r="AU3989">
            <v>12</v>
          </cell>
        </row>
        <row r="3990">
          <cell r="C3990">
            <v>1.2421</v>
          </cell>
          <cell r="AT3990">
            <v>2008</v>
          </cell>
          <cell r="AU3990">
            <v>12</v>
          </cell>
        </row>
        <row r="3991">
          <cell r="C3991">
            <v>1.2573000000000001</v>
          </cell>
          <cell r="AT3991">
            <v>2008</v>
          </cell>
          <cell r="AU3991">
            <v>12</v>
          </cell>
        </row>
        <row r="3992">
          <cell r="C3992">
            <v>1.254</v>
          </cell>
          <cell r="AT3992">
            <v>2008</v>
          </cell>
          <cell r="AU3992">
            <v>12</v>
          </cell>
        </row>
        <row r="3993">
          <cell r="C3993">
            <v>1.2968999999999999</v>
          </cell>
          <cell r="AT3993">
            <v>2008</v>
          </cell>
          <cell r="AU3993">
            <v>12</v>
          </cell>
        </row>
        <row r="3994">
          <cell r="C3994">
            <v>1.2968999999999999</v>
          </cell>
          <cell r="AT3994">
            <v>2008</v>
          </cell>
          <cell r="AU3994">
            <v>12</v>
          </cell>
        </row>
        <row r="3995">
          <cell r="C3995">
            <v>1.2968999999999999</v>
          </cell>
          <cell r="AT3995">
            <v>2008</v>
          </cell>
          <cell r="AU3995">
            <v>12</v>
          </cell>
        </row>
        <row r="3996">
          <cell r="C3996">
            <v>1.2572000000000001</v>
          </cell>
          <cell r="AT3996">
            <v>2008</v>
          </cell>
          <cell r="AU3996">
            <v>12</v>
          </cell>
        </row>
        <row r="3997">
          <cell r="C3997">
            <v>1.2603</v>
          </cell>
          <cell r="AT3997">
            <v>2008</v>
          </cell>
          <cell r="AU3997">
            <v>12</v>
          </cell>
        </row>
        <row r="3998">
          <cell r="C3998">
            <v>1.2557</v>
          </cell>
          <cell r="AT3998">
            <v>2008</v>
          </cell>
          <cell r="AU3998">
            <v>12</v>
          </cell>
        </row>
        <row r="3999">
          <cell r="C3999">
            <v>1.2182999999999999</v>
          </cell>
          <cell r="AT3999">
            <v>2008</v>
          </cell>
          <cell r="AU3999">
            <v>12</v>
          </cell>
        </row>
        <row r="4000">
          <cell r="C4000">
            <v>1.2452000000000001</v>
          </cell>
          <cell r="AT4000">
            <v>2008</v>
          </cell>
          <cell r="AU4000">
            <v>12</v>
          </cell>
        </row>
        <row r="4001">
          <cell r="C4001">
            <v>1.2452000000000001</v>
          </cell>
          <cell r="AT4001">
            <v>2008</v>
          </cell>
          <cell r="AU4001">
            <v>12</v>
          </cell>
        </row>
        <row r="4002">
          <cell r="C4002">
            <v>1.2452000000000001</v>
          </cell>
          <cell r="AT4002">
            <v>2008</v>
          </cell>
          <cell r="AU4002">
            <v>12</v>
          </cell>
        </row>
        <row r="4003">
          <cell r="C4003">
            <v>1.2352000000000001</v>
          </cell>
          <cell r="AT4003">
            <v>2008</v>
          </cell>
          <cell r="AU4003">
            <v>12</v>
          </cell>
        </row>
        <row r="4004">
          <cell r="C4004">
            <v>1.2239</v>
          </cell>
          <cell r="AT4004">
            <v>2008</v>
          </cell>
          <cell r="AU4004">
            <v>12</v>
          </cell>
        </row>
        <row r="4005">
          <cell r="C4005">
            <v>1.2058</v>
          </cell>
          <cell r="AT4005">
            <v>2008</v>
          </cell>
          <cell r="AU4005">
            <v>12</v>
          </cell>
        </row>
        <row r="4006">
          <cell r="C4006">
            <v>1.1964999999999999</v>
          </cell>
          <cell r="AT4006">
            <v>2008</v>
          </cell>
          <cell r="AU4006">
            <v>12</v>
          </cell>
        </row>
        <row r="4007">
          <cell r="C4007">
            <v>1.2275</v>
          </cell>
          <cell r="AT4007">
            <v>2008</v>
          </cell>
          <cell r="AU4007">
            <v>12</v>
          </cell>
        </row>
        <row r="4008">
          <cell r="C4008">
            <v>1.2275</v>
          </cell>
          <cell r="AT4008">
            <v>2008</v>
          </cell>
          <cell r="AU4008">
            <v>12</v>
          </cell>
        </row>
        <row r="4009">
          <cell r="C4009">
            <v>1.2275</v>
          </cell>
          <cell r="AT4009">
            <v>2008</v>
          </cell>
          <cell r="AU4009">
            <v>12</v>
          </cell>
        </row>
        <row r="4010">
          <cell r="C4010">
            <v>1.2188000000000001</v>
          </cell>
          <cell r="AT4010">
            <v>2008</v>
          </cell>
          <cell r="AU4010">
            <v>12</v>
          </cell>
        </row>
        <row r="4011">
          <cell r="C4011">
            <v>1.2165999999999999</v>
          </cell>
          <cell r="AT4011">
            <v>2008</v>
          </cell>
          <cell r="AU4011">
            <v>12</v>
          </cell>
        </row>
        <row r="4012">
          <cell r="C4012">
            <v>1.2124999999999999</v>
          </cell>
          <cell r="AT4012">
            <v>2008</v>
          </cell>
          <cell r="AU4012">
            <v>12</v>
          </cell>
        </row>
        <row r="4013">
          <cell r="C4013">
            <v>1.2124999999999999</v>
          </cell>
          <cell r="AT4013">
            <v>2008</v>
          </cell>
          <cell r="AU4013">
            <v>12</v>
          </cell>
        </row>
        <row r="4014">
          <cell r="C4014">
            <v>1.2124999999999999</v>
          </cell>
          <cell r="AT4014">
            <v>2008</v>
          </cell>
          <cell r="AU4014">
            <v>12</v>
          </cell>
        </row>
        <row r="4015">
          <cell r="C4015">
            <v>1.2124999999999999</v>
          </cell>
          <cell r="AT4015">
            <v>2008</v>
          </cell>
          <cell r="AU4015">
            <v>12</v>
          </cell>
        </row>
        <row r="4016">
          <cell r="C4016">
            <v>1.2124999999999999</v>
          </cell>
          <cell r="AT4016">
            <v>2008</v>
          </cell>
          <cell r="AU4016">
            <v>12</v>
          </cell>
        </row>
        <row r="4017">
          <cell r="C4017">
            <v>1.2166999999999999</v>
          </cell>
          <cell r="AT4017">
            <v>2008</v>
          </cell>
          <cell r="AU4017">
            <v>12</v>
          </cell>
        </row>
        <row r="4018">
          <cell r="C4018">
            <v>1.2217</v>
          </cell>
          <cell r="AT4018">
            <v>2008</v>
          </cell>
          <cell r="AU4018">
            <v>12</v>
          </cell>
        </row>
        <row r="4019">
          <cell r="C4019">
            <v>1.2245999999999999</v>
          </cell>
          <cell r="AT4019">
            <v>2009</v>
          </cell>
          <cell r="AU4019">
            <v>1</v>
          </cell>
        </row>
        <row r="4020">
          <cell r="C4020">
            <v>1.2245999999999999</v>
          </cell>
          <cell r="AT4020">
            <v>2009</v>
          </cell>
          <cell r="AU4020">
            <v>1</v>
          </cell>
        </row>
        <row r="4021">
          <cell r="C4021">
            <v>1.2107000000000001</v>
          </cell>
          <cell r="AT4021">
            <v>2009</v>
          </cell>
          <cell r="AU4021">
            <v>1</v>
          </cell>
        </row>
        <row r="4022">
          <cell r="C4022">
            <v>1.2107000000000001</v>
          </cell>
          <cell r="AT4022">
            <v>2009</v>
          </cell>
          <cell r="AU4022">
            <v>1</v>
          </cell>
        </row>
        <row r="4023">
          <cell r="C4023">
            <v>1.2107000000000001</v>
          </cell>
          <cell r="AT4023">
            <v>2009</v>
          </cell>
          <cell r="AU4023">
            <v>1</v>
          </cell>
        </row>
        <row r="4024">
          <cell r="C4024">
            <v>1.1914</v>
          </cell>
          <cell r="AT4024">
            <v>2009</v>
          </cell>
          <cell r="AU4024">
            <v>1</v>
          </cell>
        </row>
        <row r="4025">
          <cell r="C4025">
            <v>1.1822999999999999</v>
          </cell>
          <cell r="AT4025">
            <v>2009</v>
          </cell>
          <cell r="AU4025">
            <v>1</v>
          </cell>
        </row>
        <row r="4026">
          <cell r="C4026">
            <v>1.1853</v>
          </cell>
          <cell r="AT4026">
            <v>2009</v>
          </cell>
          <cell r="AU4026">
            <v>1</v>
          </cell>
        </row>
        <row r="4027">
          <cell r="C4027">
            <v>1.1888000000000001</v>
          </cell>
          <cell r="AT4027">
            <v>2009</v>
          </cell>
          <cell r="AU4027">
            <v>1</v>
          </cell>
        </row>
        <row r="4028">
          <cell r="C4028">
            <v>1.1922999999999999</v>
          </cell>
          <cell r="AT4028">
            <v>2009</v>
          </cell>
          <cell r="AU4028">
            <v>1</v>
          </cell>
        </row>
        <row r="4029">
          <cell r="C4029">
            <v>1.1922999999999999</v>
          </cell>
          <cell r="AT4029">
            <v>2009</v>
          </cell>
          <cell r="AU4029">
            <v>1</v>
          </cell>
        </row>
        <row r="4030">
          <cell r="C4030">
            <v>1.1922999999999999</v>
          </cell>
          <cell r="AT4030">
            <v>2009</v>
          </cell>
          <cell r="AU4030">
            <v>1</v>
          </cell>
        </row>
        <row r="4031">
          <cell r="C4031">
            <v>1.2077</v>
          </cell>
          <cell r="AT4031">
            <v>2009</v>
          </cell>
          <cell r="AU4031">
            <v>1</v>
          </cell>
        </row>
        <row r="4032">
          <cell r="C4032">
            <v>1.2257</v>
          </cell>
          <cell r="AT4032">
            <v>2009</v>
          </cell>
          <cell r="AU4032">
            <v>1</v>
          </cell>
        </row>
        <row r="4033">
          <cell r="C4033">
            <v>1.2383</v>
          </cell>
          <cell r="AT4033">
            <v>2009</v>
          </cell>
          <cell r="AU4033">
            <v>1</v>
          </cell>
        </row>
        <row r="4034">
          <cell r="C4034">
            <v>1.2625</v>
          </cell>
          <cell r="AT4034">
            <v>2009</v>
          </cell>
          <cell r="AU4034">
            <v>1</v>
          </cell>
        </row>
        <row r="4035">
          <cell r="C4035">
            <v>1.2542</v>
          </cell>
          <cell r="AT4035">
            <v>2009</v>
          </cell>
          <cell r="AU4035">
            <v>1</v>
          </cell>
        </row>
        <row r="4036">
          <cell r="C4036">
            <v>1.2542</v>
          </cell>
          <cell r="AT4036">
            <v>2009</v>
          </cell>
          <cell r="AU4036">
            <v>1</v>
          </cell>
        </row>
        <row r="4037">
          <cell r="C4037">
            <v>1.2542</v>
          </cell>
          <cell r="AT4037">
            <v>2009</v>
          </cell>
          <cell r="AU4037">
            <v>1</v>
          </cell>
        </row>
        <row r="4038">
          <cell r="C4038">
            <v>1.2542</v>
          </cell>
          <cell r="AT4038">
            <v>2009</v>
          </cell>
          <cell r="AU4038">
            <v>1</v>
          </cell>
        </row>
        <row r="4039">
          <cell r="C4039">
            <v>1.2605</v>
          </cell>
          <cell r="AT4039">
            <v>2009</v>
          </cell>
          <cell r="AU4039">
            <v>1</v>
          </cell>
        </row>
        <row r="4040">
          <cell r="C4040">
            <v>1.2741</v>
          </cell>
          <cell r="AT4040">
            <v>2009</v>
          </cell>
          <cell r="AU4040">
            <v>1</v>
          </cell>
        </row>
        <row r="4041">
          <cell r="C4041">
            <v>1.2629999999999999</v>
          </cell>
          <cell r="AT4041">
            <v>2009</v>
          </cell>
          <cell r="AU4041">
            <v>1</v>
          </cell>
        </row>
        <row r="4042">
          <cell r="C4042">
            <v>1.248</v>
          </cell>
          <cell r="AT4042">
            <v>2009</v>
          </cell>
          <cell r="AU4042">
            <v>1</v>
          </cell>
        </row>
        <row r="4043">
          <cell r="C4043">
            <v>1.248</v>
          </cell>
          <cell r="AT4043">
            <v>2009</v>
          </cell>
          <cell r="AU4043">
            <v>1</v>
          </cell>
        </row>
        <row r="4044">
          <cell r="C4044">
            <v>1.248</v>
          </cell>
          <cell r="AT4044">
            <v>2009</v>
          </cell>
          <cell r="AU4044">
            <v>1</v>
          </cell>
        </row>
        <row r="4045">
          <cell r="C4045">
            <v>1.2204999999999999</v>
          </cell>
          <cell r="AT4045">
            <v>2009</v>
          </cell>
          <cell r="AU4045">
            <v>1</v>
          </cell>
        </row>
        <row r="4046">
          <cell r="C4046">
            <v>1.2299</v>
          </cell>
          <cell r="AT4046">
            <v>2009</v>
          </cell>
          <cell r="AU4046">
            <v>1</v>
          </cell>
        </row>
        <row r="4047">
          <cell r="C4047">
            <v>1.2098</v>
          </cell>
          <cell r="AT4047">
            <v>2009</v>
          </cell>
          <cell r="AU4047">
            <v>1</v>
          </cell>
        </row>
        <row r="4048">
          <cell r="C4048">
            <v>1.2188000000000001</v>
          </cell>
          <cell r="AT4048">
            <v>2009</v>
          </cell>
          <cell r="AU4048">
            <v>1</v>
          </cell>
        </row>
        <row r="4049">
          <cell r="C4049">
            <v>1.2363999999999999</v>
          </cell>
          <cell r="AT4049">
            <v>2009</v>
          </cell>
          <cell r="AU4049">
            <v>1</v>
          </cell>
        </row>
        <row r="4050">
          <cell r="C4050">
            <v>1.2363999999999999</v>
          </cell>
          <cell r="AT4050">
            <v>2009</v>
          </cell>
          <cell r="AU4050">
            <v>2</v>
          </cell>
        </row>
        <row r="4051">
          <cell r="C4051">
            <v>1.2363999999999999</v>
          </cell>
          <cell r="AT4051">
            <v>2009</v>
          </cell>
          <cell r="AU4051">
            <v>2</v>
          </cell>
        </row>
        <row r="4052">
          <cell r="C4052">
            <v>1.2403999999999999</v>
          </cell>
          <cell r="AT4052">
            <v>2009</v>
          </cell>
          <cell r="AU4052">
            <v>2</v>
          </cell>
        </row>
        <row r="4053">
          <cell r="C4053">
            <v>1.2337</v>
          </cell>
          <cell r="AT4053">
            <v>2009</v>
          </cell>
          <cell r="AU4053">
            <v>2</v>
          </cell>
        </row>
        <row r="4054">
          <cell r="C4054">
            <v>1.2265999999999999</v>
          </cell>
          <cell r="AT4054">
            <v>2009</v>
          </cell>
          <cell r="AU4054">
            <v>2</v>
          </cell>
        </row>
        <row r="4055">
          <cell r="C4055">
            <v>1.2302999999999999</v>
          </cell>
          <cell r="AT4055">
            <v>2009</v>
          </cell>
          <cell r="AU4055">
            <v>2</v>
          </cell>
        </row>
        <row r="4056">
          <cell r="C4056">
            <v>1.2388999999999999</v>
          </cell>
          <cell r="AT4056">
            <v>2009</v>
          </cell>
          <cell r="AU4056">
            <v>2</v>
          </cell>
        </row>
        <row r="4057">
          <cell r="C4057">
            <v>1.2388999999999999</v>
          </cell>
          <cell r="AT4057">
            <v>2009</v>
          </cell>
          <cell r="AU4057">
            <v>2</v>
          </cell>
        </row>
        <row r="4058">
          <cell r="C4058">
            <v>1.2388999999999999</v>
          </cell>
          <cell r="AT4058">
            <v>2009</v>
          </cell>
          <cell r="AU4058">
            <v>2</v>
          </cell>
        </row>
        <row r="4059">
          <cell r="C4059">
            <v>1.2192000000000001</v>
          </cell>
          <cell r="AT4059">
            <v>2009</v>
          </cell>
          <cell r="AU4059">
            <v>2</v>
          </cell>
        </row>
        <row r="4060">
          <cell r="C4060">
            <v>1.2332000000000001</v>
          </cell>
          <cell r="AT4060">
            <v>2009</v>
          </cell>
          <cell r="AU4060">
            <v>2</v>
          </cell>
        </row>
        <row r="4061">
          <cell r="C4061">
            <v>1.2423999999999999</v>
          </cell>
          <cell r="AT4061">
            <v>2009</v>
          </cell>
          <cell r="AU4061">
            <v>2</v>
          </cell>
        </row>
        <row r="4062">
          <cell r="C4062">
            <v>1.2477</v>
          </cell>
          <cell r="AT4062">
            <v>2009</v>
          </cell>
          <cell r="AU4062">
            <v>2</v>
          </cell>
        </row>
        <row r="4063">
          <cell r="C4063">
            <v>1.2437</v>
          </cell>
          <cell r="AT4063">
            <v>2009</v>
          </cell>
          <cell r="AU4063">
            <v>2</v>
          </cell>
        </row>
        <row r="4064">
          <cell r="C4064">
            <v>1.2437</v>
          </cell>
          <cell r="AT4064">
            <v>2009</v>
          </cell>
          <cell r="AU4064">
            <v>2</v>
          </cell>
        </row>
        <row r="4065">
          <cell r="C4065">
            <v>1.2437</v>
          </cell>
          <cell r="AT4065">
            <v>2009</v>
          </cell>
          <cell r="AU4065">
            <v>2</v>
          </cell>
        </row>
        <row r="4066">
          <cell r="C4066">
            <v>1.2437</v>
          </cell>
          <cell r="AT4066">
            <v>2009</v>
          </cell>
          <cell r="AU4066">
            <v>2</v>
          </cell>
        </row>
        <row r="4067">
          <cell r="C4067">
            <v>1.2601</v>
          </cell>
          <cell r="AT4067">
            <v>2009</v>
          </cell>
          <cell r="AU4067">
            <v>2</v>
          </cell>
        </row>
        <row r="4068">
          <cell r="C4068">
            <v>1.2596000000000001</v>
          </cell>
          <cell r="AT4068">
            <v>2009</v>
          </cell>
          <cell r="AU4068">
            <v>2</v>
          </cell>
        </row>
        <row r="4069">
          <cell r="C4069">
            <v>1.2595000000000001</v>
          </cell>
          <cell r="AT4069">
            <v>2009</v>
          </cell>
          <cell r="AU4069">
            <v>2</v>
          </cell>
        </row>
        <row r="4070">
          <cell r="C4070">
            <v>1.2541</v>
          </cell>
          <cell r="AT4070">
            <v>2009</v>
          </cell>
          <cell r="AU4070">
            <v>2</v>
          </cell>
        </row>
        <row r="4071">
          <cell r="C4071">
            <v>1.2541</v>
          </cell>
          <cell r="AT4071">
            <v>2009</v>
          </cell>
          <cell r="AU4071">
            <v>2</v>
          </cell>
        </row>
        <row r="4072">
          <cell r="C4072">
            <v>1.2541</v>
          </cell>
          <cell r="AT4072">
            <v>2009</v>
          </cell>
          <cell r="AU4072">
            <v>2</v>
          </cell>
        </row>
        <row r="4073">
          <cell r="C4073">
            <v>1.2512000000000001</v>
          </cell>
          <cell r="AT4073">
            <v>2009</v>
          </cell>
          <cell r="AU4073">
            <v>2</v>
          </cell>
        </row>
        <row r="4074">
          <cell r="C4074">
            <v>1.2470000000000001</v>
          </cell>
          <cell r="AT4074">
            <v>2009</v>
          </cell>
          <cell r="AU4074">
            <v>2</v>
          </cell>
        </row>
        <row r="4075">
          <cell r="C4075">
            <v>1.2556</v>
          </cell>
          <cell r="AT4075">
            <v>2009</v>
          </cell>
          <cell r="AU4075">
            <v>2</v>
          </cell>
        </row>
        <row r="4076">
          <cell r="C4076">
            <v>1.2456</v>
          </cell>
          <cell r="AT4076">
            <v>2009</v>
          </cell>
          <cell r="AU4076">
            <v>2</v>
          </cell>
        </row>
        <row r="4077">
          <cell r="C4077">
            <v>1.2706999999999999</v>
          </cell>
          <cell r="AT4077">
            <v>2009</v>
          </cell>
          <cell r="AU4077">
            <v>2</v>
          </cell>
        </row>
        <row r="4078">
          <cell r="C4078">
            <v>1.2706999999999999</v>
          </cell>
          <cell r="AT4078">
            <v>2009</v>
          </cell>
          <cell r="AU4078">
            <v>3</v>
          </cell>
        </row>
        <row r="4079">
          <cell r="C4079">
            <v>1.2706999999999999</v>
          </cell>
          <cell r="AT4079">
            <v>2009</v>
          </cell>
          <cell r="AU4079">
            <v>3</v>
          </cell>
        </row>
        <row r="4080">
          <cell r="C4080">
            <v>1.2889999999999999</v>
          </cell>
          <cell r="AT4080">
            <v>2009</v>
          </cell>
          <cell r="AU4080">
            <v>3</v>
          </cell>
        </row>
        <row r="4081">
          <cell r="C4081">
            <v>1.2938000000000001</v>
          </cell>
          <cell r="AT4081">
            <v>2009</v>
          </cell>
          <cell r="AU4081">
            <v>3</v>
          </cell>
        </row>
        <row r="4082">
          <cell r="C4082">
            <v>1.2765</v>
          </cell>
          <cell r="AT4082">
            <v>2009</v>
          </cell>
          <cell r="AU4082">
            <v>3</v>
          </cell>
        </row>
        <row r="4083">
          <cell r="C4083">
            <v>1.2877000000000001</v>
          </cell>
          <cell r="AT4083">
            <v>2009</v>
          </cell>
          <cell r="AU4083">
            <v>3</v>
          </cell>
        </row>
        <row r="4084">
          <cell r="C4084">
            <v>1.2863</v>
          </cell>
          <cell r="AT4084">
            <v>2009</v>
          </cell>
          <cell r="AU4084">
            <v>3</v>
          </cell>
        </row>
        <row r="4085">
          <cell r="C4085">
            <v>1.2863</v>
          </cell>
          <cell r="AT4085">
            <v>2009</v>
          </cell>
          <cell r="AU4085">
            <v>3</v>
          </cell>
        </row>
        <row r="4086">
          <cell r="C4086">
            <v>1.2863</v>
          </cell>
          <cell r="AT4086">
            <v>2009</v>
          </cell>
          <cell r="AU4086">
            <v>3</v>
          </cell>
        </row>
        <row r="4087">
          <cell r="C4087">
            <v>1.3</v>
          </cell>
          <cell r="AT4087">
            <v>2009</v>
          </cell>
          <cell r="AU4087">
            <v>3</v>
          </cell>
        </row>
        <row r="4088">
          <cell r="C4088">
            <v>1.2797000000000001</v>
          </cell>
          <cell r="AT4088">
            <v>2009</v>
          </cell>
          <cell r="AU4088">
            <v>3</v>
          </cell>
        </row>
        <row r="4089">
          <cell r="C4089">
            <v>1.2806999999999999</v>
          </cell>
          <cell r="AT4089">
            <v>2009</v>
          </cell>
          <cell r="AU4089">
            <v>3</v>
          </cell>
        </row>
        <row r="4090">
          <cell r="C4090">
            <v>1.2905</v>
          </cell>
          <cell r="AT4090">
            <v>2009</v>
          </cell>
          <cell r="AU4090">
            <v>3</v>
          </cell>
        </row>
        <row r="4091">
          <cell r="C4091">
            <v>1.2748999999999999</v>
          </cell>
          <cell r="AT4091">
            <v>2009</v>
          </cell>
          <cell r="AU4091">
            <v>3</v>
          </cell>
        </row>
        <row r="4092">
          <cell r="C4092">
            <v>1.2748999999999999</v>
          </cell>
          <cell r="AT4092">
            <v>2009</v>
          </cell>
          <cell r="AU4092">
            <v>3</v>
          </cell>
        </row>
        <row r="4093">
          <cell r="C4093">
            <v>1.2748999999999999</v>
          </cell>
          <cell r="AT4093">
            <v>2009</v>
          </cell>
          <cell r="AU4093">
            <v>3</v>
          </cell>
        </row>
        <row r="4094">
          <cell r="C4094">
            <v>1.2724</v>
          </cell>
          <cell r="AT4094">
            <v>2009</v>
          </cell>
          <cell r="AU4094">
            <v>3</v>
          </cell>
        </row>
        <row r="4095">
          <cell r="C4095">
            <v>1.2718</v>
          </cell>
          <cell r="AT4095">
            <v>2009</v>
          </cell>
          <cell r="AU4095">
            <v>3</v>
          </cell>
        </row>
        <row r="4096">
          <cell r="C4096">
            <v>1.272</v>
          </cell>
          <cell r="AT4096">
            <v>2009</v>
          </cell>
          <cell r="AU4096">
            <v>3</v>
          </cell>
        </row>
        <row r="4097">
          <cell r="C4097">
            <v>1.2324999999999999</v>
          </cell>
          <cell r="AT4097">
            <v>2009</v>
          </cell>
          <cell r="AU4097">
            <v>3</v>
          </cell>
        </row>
        <row r="4098">
          <cell r="C4098">
            <v>1.2371000000000001</v>
          </cell>
          <cell r="AT4098">
            <v>2009</v>
          </cell>
          <cell r="AU4098">
            <v>3</v>
          </cell>
        </row>
        <row r="4099">
          <cell r="C4099">
            <v>1.2371000000000001</v>
          </cell>
          <cell r="AT4099">
            <v>2009</v>
          </cell>
          <cell r="AU4099">
            <v>3</v>
          </cell>
        </row>
        <row r="4100">
          <cell r="C4100">
            <v>1.2371000000000001</v>
          </cell>
          <cell r="AT4100">
            <v>2009</v>
          </cell>
          <cell r="AU4100">
            <v>3</v>
          </cell>
        </row>
        <row r="4101">
          <cell r="C4101">
            <v>1.2323</v>
          </cell>
          <cell r="AT4101">
            <v>2009</v>
          </cell>
          <cell r="AU4101">
            <v>3</v>
          </cell>
        </row>
        <row r="4102">
          <cell r="C4102">
            <v>1.2262</v>
          </cell>
          <cell r="AT4102">
            <v>2009</v>
          </cell>
          <cell r="AU4102">
            <v>3</v>
          </cell>
        </row>
        <row r="4103">
          <cell r="C4103">
            <v>1.2244999999999999</v>
          </cell>
          <cell r="AT4103">
            <v>2009</v>
          </cell>
          <cell r="AU4103">
            <v>3</v>
          </cell>
        </row>
        <row r="4104">
          <cell r="C4104">
            <v>1.2330000000000001</v>
          </cell>
          <cell r="AT4104">
            <v>2009</v>
          </cell>
          <cell r="AU4104">
            <v>3</v>
          </cell>
        </row>
        <row r="4105">
          <cell r="C4105">
            <v>1.2392000000000001</v>
          </cell>
          <cell r="AT4105">
            <v>2009</v>
          </cell>
          <cell r="AU4105">
            <v>3</v>
          </cell>
        </row>
        <row r="4106">
          <cell r="C4106">
            <v>1.2392000000000001</v>
          </cell>
          <cell r="AT4106">
            <v>2009</v>
          </cell>
          <cell r="AU4106">
            <v>3</v>
          </cell>
        </row>
        <row r="4107">
          <cell r="C4107">
            <v>1.2392000000000001</v>
          </cell>
          <cell r="AT4107">
            <v>2009</v>
          </cell>
          <cell r="AU4107">
            <v>3</v>
          </cell>
        </row>
        <row r="4108">
          <cell r="C4108">
            <v>1.2589999999999999</v>
          </cell>
          <cell r="AT4108">
            <v>2009</v>
          </cell>
          <cell r="AU4108">
            <v>3</v>
          </cell>
        </row>
        <row r="4109">
          <cell r="C4109">
            <v>1.2602</v>
          </cell>
          <cell r="AT4109">
            <v>2009</v>
          </cell>
          <cell r="AU4109">
            <v>4</v>
          </cell>
        </row>
        <row r="4110">
          <cell r="C4110">
            <v>1.2643</v>
          </cell>
          <cell r="AT4110">
            <v>2009</v>
          </cell>
          <cell r="AU4110">
            <v>4</v>
          </cell>
        </row>
        <row r="4111">
          <cell r="C4111">
            <v>1.2383999999999999</v>
          </cell>
          <cell r="AT4111">
            <v>2009</v>
          </cell>
          <cell r="AU4111">
            <v>4</v>
          </cell>
        </row>
        <row r="4112">
          <cell r="C4112">
            <v>1.2337</v>
          </cell>
          <cell r="AT4112">
            <v>2009</v>
          </cell>
          <cell r="AU4112">
            <v>4</v>
          </cell>
        </row>
        <row r="4113">
          <cell r="C4113">
            <v>1.2337</v>
          </cell>
          <cell r="AT4113">
            <v>2009</v>
          </cell>
          <cell r="AU4113">
            <v>4</v>
          </cell>
        </row>
        <row r="4114">
          <cell r="C4114">
            <v>1.2337</v>
          </cell>
          <cell r="AT4114">
            <v>2009</v>
          </cell>
          <cell r="AU4114">
            <v>4</v>
          </cell>
        </row>
        <row r="4115">
          <cell r="C4115">
            <v>1.2428999999999999</v>
          </cell>
          <cell r="AT4115">
            <v>2009</v>
          </cell>
          <cell r="AU4115">
            <v>4</v>
          </cell>
        </row>
        <row r="4116">
          <cell r="C4116">
            <v>1.2341</v>
          </cell>
          <cell r="AT4116">
            <v>2009</v>
          </cell>
          <cell r="AU4116">
            <v>4</v>
          </cell>
        </row>
        <row r="4117">
          <cell r="C4117">
            <v>1.2354000000000001</v>
          </cell>
          <cell r="AT4117">
            <v>2009</v>
          </cell>
          <cell r="AU4117">
            <v>4</v>
          </cell>
        </row>
        <row r="4118">
          <cell r="C4118">
            <v>1.2274</v>
          </cell>
          <cell r="AT4118">
            <v>2009</v>
          </cell>
          <cell r="AU4118">
            <v>4</v>
          </cell>
        </row>
        <row r="4119">
          <cell r="C4119">
            <v>1.2274</v>
          </cell>
          <cell r="AT4119">
            <v>2009</v>
          </cell>
          <cell r="AU4119">
            <v>4</v>
          </cell>
        </row>
        <row r="4120">
          <cell r="C4120">
            <v>1.2274</v>
          </cell>
          <cell r="AT4120">
            <v>2009</v>
          </cell>
          <cell r="AU4120">
            <v>4</v>
          </cell>
        </row>
        <row r="4121">
          <cell r="C4121">
            <v>1.2274</v>
          </cell>
          <cell r="AT4121">
            <v>2009</v>
          </cell>
          <cell r="AU4121">
            <v>4</v>
          </cell>
        </row>
        <row r="4122">
          <cell r="C4122">
            <v>1.2212000000000001</v>
          </cell>
          <cell r="AT4122">
            <v>2009</v>
          </cell>
          <cell r="AU4122">
            <v>4</v>
          </cell>
        </row>
        <row r="4123">
          <cell r="C4123">
            <v>1.2092000000000001</v>
          </cell>
          <cell r="AT4123">
            <v>2009</v>
          </cell>
          <cell r="AU4123">
            <v>4</v>
          </cell>
        </row>
        <row r="4124">
          <cell r="C4124">
            <v>1.2038</v>
          </cell>
          <cell r="AT4124">
            <v>2009</v>
          </cell>
          <cell r="AU4124">
            <v>4</v>
          </cell>
        </row>
        <row r="4125">
          <cell r="C4125">
            <v>1.2061999999999999</v>
          </cell>
          <cell r="AT4125">
            <v>2009</v>
          </cell>
          <cell r="AU4125">
            <v>4</v>
          </cell>
        </row>
        <row r="4126">
          <cell r="C4126">
            <v>1.2145999999999999</v>
          </cell>
          <cell r="AT4126">
            <v>2009</v>
          </cell>
          <cell r="AU4126">
            <v>4</v>
          </cell>
        </row>
        <row r="4127">
          <cell r="C4127">
            <v>1.2145999999999999</v>
          </cell>
          <cell r="AT4127">
            <v>2009</v>
          </cell>
          <cell r="AU4127">
            <v>4</v>
          </cell>
        </row>
        <row r="4128">
          <cell r="C4128">
            <v>1.2145999999999999</v>
          </cell>
          <cell r="AT4128">
            <v>2009</v>
          </cell>
          <cell r="AU4128">
            <v>4</v>
          </cell>
        </row>
        <row r="4129">
          <cell r="C4129">
            <v>1.2343</v>
          </cell>
          <cell r="AT4129">
            <v>2009</v>
          </cell>
          <cell r="AU4129">
            <v>4</v>
          </cell>
        </row>
        <row r="4130">
          <cell r="C4130">
            <v>1.2358</v>
          </cell>
          <cell r="AT4130">
            <v>2009</v>
          </cell>
          <cell r="AU4130">
            <v>4</v>
          </cell>
        </row>
        <row r="4131">
          <cell r="C4131">
            <v>1.236</v>
          </cell>
          <cell r="AT4131">
            <v>2009</v>
          </cell>
          <cell r="AU4131">
            <v>4</v>
          </cell>
        </row>
        <row r="4132">
          <cell r="C4132">
            <v>1.2290000000000001</v>
          </cell>
          <cell r="AT4132">
            <v>2009</v>
          </cell>
          <cell r="AU4132">
            <v>4</v>
          </cell>
        </row>
        <row r="4133">
          <cell r="C4133">
            <v>1.2093</v>
          </cell>
          <cell r="AT4133">
            <v>2009</v>
          </cell>
          <cell r="AU4133">
            <v>4</v>
          </cell>
        </row>
        <row r="4134">
          <cell r="C4134">
            <v>1.2093</v>
          </cell>
          <cell r="AT4134">
            <v>2009</v>
          </cell>
          <cell r="AU4134">
            <v>4</v>
          </cell>
        </row>
        <row r="4135">
          <cell r="C4135">
            <v>1.2093</v>
          </cell>
          <cell r="AT4135">
            <v>2009</v>
          </cell>
          <cell r="AU4135">
            <v>4</v>
          </cell>
        </row>
        <row r="4136">
          <cell r="C4136">
            <v>1.2107000000000001</v>
          </cell>
          <cell r="AT4136">
            <v>2009</v>
          </cell>
          <cell r="AU4136">
            <v>4</v>
          </cell>
        </row>
        <row r="4137">
          <cell r="C4137">
            <v>1.2238</v>
          </cell>
          <cell r="AT4137">
            <v>2009</v>
          </cell>
          <cell r="AU4137">
            <v>4</v>
          </cell>
        </row>
        <row r="4138">
          <cell r="C4138">
            <v>1.2008000000000001</v>
          </cell>
          <cell r="AT4138">
            <v>2009</v>
          </cell>
          <cell r="AU4138">
            <v>4</v>
          </cell>
        </row>
        <row r="4139">
          <cell r="C4139">
            <v>1.194</v>
          </cell>
          <cell r="AT4139">
            <v>2009</v>
          </cell>
          <cell r="AU4139">
            <v>5</v>
          </cell>
        </row>
        <row r="4140">
          <cell r="C4140">
            <v>1.1872</v>
          </cell>
          <cell r="AT4140">
            <v>2009</v>
          </cell>
          <cell r="AU4140">
            <v>5</v>
          </cell>
        </row>
        <row r="4141">
          <cell r="C4141">
            <v>1.1872</v>
          </cell>
          <cell r="AT4141">
            <v>2009</v>
          </cell>
          <cell r="AU4141">
            <v>5</v>
          </cell>
        </row>
        <row r="4142">
          <cell r="C4142">
            <v>1.1872</v>
          </cell>
          <cell r="AT4142">
            <v>2009</v>
          </cell>
          <cell r="AU4142">
            <v>5</v>
          </cell>
        </row>
        <row r="4143">
          <cell r="C4143">
            <v>1.1780999999999999</v>
          </cell>
          <cell r="AT4143">
            <v>2009</v>
          </cell>
          <cell r="AU4143">
            <v>5</v>
          </cell>
        </row>
        <row r="4144">
          <cell r="C4144">
            <v>1.1759999999999999</v>
          </cell>
          <cell r="AT4144">
            <v>2009</v>
          </cell>
          <cell r="AU4144">
            <v>5</v>
          </cell>
        </row>
        <row r="4145">
          <cell r="C4145">
            <v>1.1731</v>
          </cell>
          <cell r="AT4145">
            <v>2009</v>
          </cell>
          <cell r="AU4145">
            <v>5</v>
          </cell>
        </row>
        <row r="4146">
          <cell r="C4146">
            <v>1.1714</v>
          </cell>
          <cell r="AT4146">
            <v>2009</v>
          </cell>
          <cell r="AU4146">
            <v>5</v>
          </cell>
        </row>
        <row r="4147">
          <cell r="C4147">
            <v>1.1580999999999999</v>
          </cell>
          <cell r="AT4147">
            <v>2009</v>
          </cell>
          <cell r="AU4147">
            <v>5</v>
          </cell>
        </row>
        <row r="4148">
          <cell r="C4148">
            <v>1.1580999999999999</v>
          </cell>
          <cell r="AT4148">
            <v>2009</v>
          </cell>
          <cell r="AU4148">
            <v>5</v>
          </cell>
        </row>
        <row r="4149">
          <cell r="C4149">
            <v>1.1580999999999999</v>
          </cell>
          <cell r="AT4149">
            <v>2009</v>
          </cell>
          <cell r="AU4149">
            <v>5</v>
          </cell>
        </row>
        <row r="4150">
          <cell r="C4150">
            <v>1.1591</v>
          </cell>
          <cell r="AT4150">
            <v>2009</v>
          </cell>
          <cell r="AU4150">
            <v>5</v>
          </cell>
        </row>
        <row r="4151">
          <cell r="C4151">
            <v>1.1676</v>
          </cell>
          <cell r="AT4151">
            <v>2009</v>
          </cell>
          <cell r="AU4151">
            <v>5</v>
          </cell>
        </row>
        <row r="4152">
          <cell r="C4152">
            <v>1.1682999999999999</v>
          </cell>
          <cell r="AT4152">
            <v>2009</v>
          </cell>
          <cell r="AU4152">
            <v>5</v>
          </cell>
        </row>
        <row r="4153">
          <cell r="C4153">
            <v>1.1727000000000001</v>
          </cell>
          <cell r="AT4153">
            <v>2009</v>
          </cell>
          <cell r="AU4153">
            <v>5</v>
          </cell>
        </row>
        <row r="4154">
          <cell r="C4154">
            <v>1.1756</v>
          </cell>
          <cell r="AT4154">
            <v>2009</v>
          </cell>
          <cell r="AU4154">
            <v>5</v>
          </cell>
        </row>
        <row r="4155">
          <cell r="C4155">
            <v>1.1756</v>
          </cell>
          <cell r="AT4155">
            <v>2009</v>
          </cell>
          <cell r="AU4155">
            <v>5</v>
          </cell>
        </row>
        <row r="4156">
          <cell r="C4156">
            <v>1.1756</v>
          </cell>
          <cell r="AT4156">
            <v>2009</v>
          </cell>
          <cell r="AU4156">
            <v>5</v>
          </cell>
        </row>
        <row r="4157">
          <cell r="C4157">
            <v>1.1756</v>
          </cell>
          <cell r="AT4157">
            <v>2009</v>
          </cell>
          <cell r="AU4157">
            <v>5</v>
          </cell>
        </row>
        <row r="4158">
          <cell r="C4158">
            <v>1.1569</v>
          </cell>
          <cell r="AT4158">
            <v>2009</v>
          </cell>
          <cell r="AU4158">
            <v>5</v>
          </cell>
        </row>
        <row r="4159">
          <cell r="C4159">
            <v>1.1434</v>
          </cell>
          <cell r="AT4159">
            <v>2009</v>
          </cell>
          <cell r="AU4159">
            <v>5</v>
          </cell>
        </row>
        <row r="4160">
          <cell r="C4160">
            <v>1.1414</v>
          </cell>
          <cell r="AT4160">
            <v>2009</v>
          </cell>
          <cell r="AU4160">
            <v>5</v>
          </cell>
        </row>
        <row r="4161">
          <cell r="C4161">
            <v>1.1233</v>
          </cell>
          <cell r="AT4161">
            <v>2009</v>
          </cell>
          <cell r="AU4161">
            <v>5</v>
          </cell>
        </row>
        <row r="4162">
          <cell r="C4162">
            <v>1.1233</v>
          </cell>
          <cell r="AT4162">
            <v>2009</v>
          </cell>
          <cell r="AU4162">
            <v>5</v>
          </cell>
        </row>
        <row r="4163">
          <cell r="C4163">
            <v>1.1233</v>
          </cell>
          <cell r="AT4163">
            <v>2009</v>
          </cell>
          <cell r="AU4163">
            <v>5</v>
          </cell>
        </row>
        <row r="4164">
          <cell r="C4164">
            <v>1.1233</v>
          </cell>
          <cell r="AT4164">
            <v>2009</v>
          </cell>
          <cell r="AU4164">
            <v>5</v>
          </cell>
        </row>
        <row r="4165">
          <cell r="C4165">
            <v>1.1198999999999999</v>
          </cell>
          <cell r="AT4165">
            <v>2009</v>
          </cell>
          <cell r="AU4165">
            <v>5</v>
          </cell>
        </row>
        <row r="4166">
          <cell r="C4166">
            <v>1.1120000000000001</v>
          </cell>
          <cell r="AT4166">
            <v>2009</v>
          </cell>
          <cell r="AU4166">
            <v>5</v>
          </cell>
        </row>
        <row r="4167">
          <cell r="C4167">
            <v>1.1124000000000001</v>
          </cell>
          <cell r="AT4167">
            <v>2009</v>
          </cell>
          <cell r="AU4167">
            <v>5</v>
          </cell>
        </row>
        <row r="4168">
          <cell r="C4168">
            <v>1.0961000000000001</v>
          </cell>
          <cell r="AT4168">
            <v>2009</v>
          </cell>
          <cell r="AU4168">
            <v>5</v>
          </cell>
        </row>
        <row r="4169">
          <cell r="C4169">
            <v>1.0961000000000001</v>
          </cell>
          <cell r="AT4169">
            <v>2009</v>
          </cell>
          <cell r="AU4169">
            <v>5</v>
          </cell>
        </row>
        <row r="4170">
          <cell r="C4170">
            <v>1.0961000000000001</v>
          </cell>
          <cell r="AT4170">
            <v>2009</v>
          </cell>
          <cell r="AU4170">
            <v>6</v>
          </cell>
        </row>
        <row r="4171">
          <cell r="C4171">
            <v>1.0871999999999999</v>
          </cell>
          <cell r="AT4171">
            <v>2009</v>
          </cell>
          <cell r="AU4171">
            <v>6</v>
          </cell>
        </row>
        <row r="4172">
          <cell r="C4172">
            <v>1.0827</v>
          </cell>
          <cell r="AT4172">
            <v>2009</v>
          </cell>
          <cell r="AU4172">
            <v>6</v>
          </cell>
        </row>
        <row r="4173">
          <cell r="C4173">
            <v>1.0975999999999999</v>
          </cell>
          <cell r="AT4173">
            <v>2009</v>
          </cell>
          <cell r="AU4173">
            <v>6</v>
          </cell>
        </row>
        <row r="4174">
          <cell r="C4174">
            <v>1.0999000000000001</v>
          </cell>
          <cell r="AT4174">
            <v>2009</v>
          </cell>
          <cell r="AU4174">
            <v>6</v>
          </cell>
        </row>
        <row r="4175">
          <cell r="C4175">
            <v>1.1146</v>
          </cell>
          <cell r="AT4175">
            <v>2009</v>
          </cell>
          <cell r="AU4175">
            <v>6</v>
          </cell>
        </row>
        <row r="4176">
          <cell r="C4176">
            <v>1.1146</v>
          </cell>
          <cell r="AT4176">
            <v>2009</v>
          </cell>
          <cell r="AU4176">
            <v>6</v>
          </cell>
        </row>
        <row r="4177">
          <cell r="C4177">
            <v>1.1146</v>
          </cell>
          <cell r="AT4177">
            <v>2009</v>
          </cell>
          <cell r="AU4177">
            <v>6</v>
          </cell>
        </row>
        <row r="4178">
          <cell r="C4178">
            <v>1.123</v>
          </cell>
          <cell r="AT4178">
            <v>2009</v>
          </cell>
          <cell r="AU4178">
            <v>6</v>
          </cell>
        </row>
        <row r="4179">
          <cell r="C4179">
            <v>1.1041000000000001</v>
          </cell>
          <cell r="AT4179">
            <v>2009</v>
          </cell>
          <cell r="AU4179">
            <v>6</v>
          </cell>
        </row>
        <row r="4180">
          <cell r="C4180">
            <v>1.1101000000000001</v>
          </cell>
          <cell r="AT4180">
            <v>2009</v>
          </cell>
          <cell r="AU4180">
            <v>6</v>
          </cell>
        </row>
        <row r="4181">
          <cell r="C4181">
            <v>1.0982000000000001</v>
          </cell>
          <cell r="AT4181">
            <v>2009</v>
          </cell>
          <cell r="AU4181">
            <v>6</v>
          </cell>
        </row>
        <row r="4182">
          <cell r="C4182">
            <v>1.1176999999999999</v>
          </cell>
          <cell r="AT4182">
            <v>2009</v>
          </cell>
          <cell r="AU4182">
            <v>6</v>
          </cell>
        </row>
        <row r="4183">
          <cell r="C4183">
            <v>1.1176999999999999</v>
          </cell>
          <cell r="AT4183">
            <v>2009</v>
          </cell>
          <cell r="AU4183">
            <v>6</v>
          </cell>
        </row>
        <row r="4184">
          <cell r="C4184">
            <v>1.1176999999999999</v>
          </cell>
          <cell r="AT4184">
            <v>2009</v>
          </cell>
          <cell r="AU4184">
            <v>6</v>
          </cell>
        </row>
        <row r="4185">
          <cell r="C4185">
            <v>1.1341000000000001</v>
          </cell>
          <cell r="AT4185">
            <v>2009</v>
          </cell>
          <cell r="AU4185">
            <v>6</v>
          </cell>
        </row>
        <row r="4186">
          <cell r="C4186">
            <v>1.1327</v>
          </cell>
          <cell r="AT4186">
            <v>2009</v>
          </cell>
          <cell r="AU4186">
            <v>6</v>
          </cell>
        </row>
        <row r="4187">
          <cell r="C4187">
            <v>1.1371</v>
          </cell>
          <cell r="AT4187">
            <v>2009</v>
          </cell>
          <cell r="AU4187">
            <v>6</v>
          </cell>
        </row>
        <row r="4188">
          <cell r="C4188">
            <v>1.1273</v>
          </cell>
          <cell r="AT4188">
            <v>2009</v>
          </cell>
          <cell r="AU4188">
            <v>6</v>
          </cell>
        </row>
        <row r="4189">
          <cell r="C4189">
            <v>1.1287</v>
          </cell>
          <cell r="AT4189">
            <v>2009</v>
          </cell>
          <cell r="AU4189">
            <v>6</v>
          </cell>
        </row>
        <row r="4190">
          <cell r="C4190">
            <v>1.1287</v>
          </cell>
          <cell r="AT4190">
            <v>2009</v>
          </cell>
          <cell r="AU4190">
            <v>6</v>
          </cell>
        </row>
        <row r="4191">
          <cell r="C4191">
            <v>1.1287</v>
          </cell>
          <cell r="AT4191">
            <v>2009</v>
          </cell>
          <cell r="AU4191">
            <v>6</v>
          </cell>
        </row>
        <row r="4192">
          <cell r="C4192">
            <v>1.1547000000000001</v>
          </cell>
          <cell r="AT4192">
            <v>2009</v>
          </cell>
          <cell r="AU4192">
            <v>6</v>
          </cell>
        </row>
        <row r="4193">
          <cell r="C4193">
            <v>1.1559999999999999</v>
          </cell>
          <cell r="AT4193">
            <v>2009</v>
          </cell>
          <cell r="AU4193">
            <v>6</v>
          </cell>
        </row>
        <row r="4194">
          <cell r="C4194">
            <v>1.1460999999999999</v>
          </cell>
          <cell r="AT4194">
            <v>2009</v>
          </cell>
          <cell r="AU4194">
            <v>6</v>
          </cell>
        </row>
        <row r="4195">
          <cell r="C4195">
            <v>1.1579999999999999</v>
          </cell>
          <cell r="AT4195">
            <v>2009</v>
          </cell>
          <cell r="AU4195">
            <v>6</v>
          </cell>
        </row>
        <row r="4196">
          <cell r="C4196">
            <v>1.1531</v>
          </cell>
          <cell r="AT4196">
            <v>2009</v>
          </cell>
          <cell r="AU4196">
            <v>6</v>
          </cell>
        </row>
        <row r="4197">
          <cell r="C4197">
            <v>1.1531</v>
          </cell>
          <cell r="AT4197">
            <v>2009</v>
          </cell>
          <cell r="AU4197">
            <v>6</v>
          </cell>
        </row>
        <row r="4198">
          <cell r="C4198">
            <v>1.1531</v>
          </cell>
          <cell r="AT4198">
            <v>2009</v>
          </cell>
          <cell r="AU4198">
            <v>6</v>
          </cell>
        </row>
        <row r="4199">
          <cell r="C4199">
            <v>1.1583000000000001</v>
          </cell>
          <cell r="AT4199">
            <v>2009</v>
          </cell>
          <cell r="AU4199">
            <v>6</v>
          </cell>
        </row>
        <row r="4200">
          <cell r="C4200">
            <v>1.1625000000000001</v>
          </cell>
          <cell r="AT4200">
            <v>2009</v>
          </cell>
          <cell r="AU4200">
            <v>7</v>
          </cell>
        </row>
        <row r="4201">
          <cell r="C4201">
            <v>1.1625000000000001</v>
          </cell>
          <cell r="AT4201">
            <v>2009</v>
          </cell>
          <cell r="AU4201">
            <v>7</v>
          </cell>
        </row>
        <row r="4202">
          <cell r="C4202">
            <v>1.1620999999999999</v>
          </cell>
          <cell r="AT4202">
            <v>2009</v>
          </cell>
          <cell r="AU4202">
            <v>7</v>
          </cell>
        </row>
        <row r="4203">
          <cell r="C4203">
            <v>1.1620999999999999</v>
          </cell>
          <cell r="AT4203">
            <v>2009</v>
          </cell>
          <cell r="AU4203">
            <v>7</v>
          </cell>
        </row>
        <row r="4204">
          <cell r="C4204">
            <v>1.1620999999999999</v>
          </cell>
          <cell r="AT4204">
            <v>2009</v>
          </cell>
          <cell r="AU4204">
            <v>7</v>
          </cell>
        </row>
        <row r="4205">
          <cell r="C4205">
            <v>1.1620999999999999</v>
          </cell>
          <cell r="AT4205">
            <v>2009</v>
          </cell>
          <cell r="AU4205">
            <v>7</v>
          </cell>
        </row>
        <row r="4206">
          <cell r="C4206">
            <v>1.1612</v>
          </cell>
          <cell r="AT4206">
            <v>2009</v>
          </cell>
          <cell r="AU4206">
            <v>7</v>
          </cell>
        </row>
        <row r="4207">
          <cell r="C4207">
            <v>1.1631</v>
          </cell>
          <cell r="AT4207">
            <v>2009</v>
          </cell>
          <cell r="AU4207">
            <v>7</v>
          </cell>
        </row>
        <row r="4208">
          <cell r="C4208">
            <v>1.1655</v>
          </cell>
          <cell r="AT4208">
            <v>2009</v>
          </cell>
          <cell r="AU4208">
            <v>7</v>
          </cell>
        </row>
        <row r="4209">
          <cell r="C4209">
            <v>1.1621999999999999</v>
          </cell>
          <cell r="AT4209">
            <v>2009</v>
          </cell>
          <cell r="AU4209">
            <v>7</v>
          </cell>
        </row>
        <row r="4210">
          <cell r="C4210">
            <v>1.165</v>
          </cell>
          <cell r="AT4210">
            <v>2009</v>
          </cell>
          <cell r="AU4210">
            <v>7</v>
          </cell>
        </row>
        <row r="4211">
          <cell r="C4211">
            <v>1.165</v>
          </cell>
          <cell r="AT4211">
            <v>2009</v>
          </cell>
          <cell r="AU4211">
            <v>7</v>
          </cell>
        </row>
        <row r="4212">
          <cell r="C4212">
            <v>1.165</v>
          </cell>
          <cell r="AT4212">
            <v>2009</v>
          </cell>
          <cell r="AU4212">
            <v>7</v>
          </cell>
        </row>
        <row r="4213">
          <cell r="C4213">
            <v>1.1538999999999999</v>
          </cell>
          <cell r="AT4213">
            <v>2009</v>
          </cell>
          <cell r="AU4213">
            <v>7</v>
          </cell>
        </row>
        <row r="4214">
          <cell r="C4214">
            <v>1.1368</v>
          </cell>
          <cell r="AT4214">
            <v>2009</v>
          </cell>
          <cell r="AU4214">
            <v>7</v>
          </cell>
        </row>
        <row r="4215">
          <cell r="C4215">
            <v>1.1194</v>
          </cell>
          <cell r="AT4215">
            <v>2009</v>
          </cell>
          <cell r="AU4215">
            <v>7</v>
          </cell>
        </row>
        <row r="4216">
          <cell r="C4216">
            <v>1.1171</v>
          </cell>
          <cell r="AT4216">
            <v>2009</v>
          </cell>
          <cell r="AU4216">
            <v>7</v>
          </cell>
        </row>
        <row r="4217">
          <cell r="C4217">
            <v>1.1168</v>
          </cell>
          <cell r="AT4217">
            <v>2009</v>
          </cell>
          <cell r="AU4217">
            <v>7</v>
          </cell>
        </row>
        <row r="4218">
          <cell r="C4218">
            <v>1.1168</v>
          </cell>
          <cell r="AT4218">
            <v>2009</v>
          </cell>
          <cell r="AU4218">
            <v>7</v>
          </cell>
        </row>
        <row r="4219">
          <cell r="C4219">
            <v>1.1168</v>
          </cell>
          <cell r="AT4219">
            <v>2009</v>
          </cell>
          <cell r="AU4219">
            <v>7</v>
          </cell>
        </row>
        <row r="4220">
          <cell r="C4220">
            <v>1.1067</v>
          </cell>
          <cell r="AT4220">
            <v>2009</v>
          </cell>
          <cell r="AU4220">
            <v>7</v>
          </cell>
        </row>
        <row r="4221">
          <cell r="C4221">
            <v>1.1077999999999999</v>
          </cell>
          <cell r="AT4221">
            <v>2009</v>
          </cell>
          <cell r="AU4221">
            <v>7</v>
          </cell>
        </row>
        <row r="4222">
          <cell r="C4222">
            <v>1.0981000000000001</v>
          </cell>
          <cell r="AT4222">
            <v>2009</v>
          </cell>
          <cell r="AU4222">
            <v>7</v>
          </cell>
        </row>
        <row r="4223">
          <cell r="C4223">
            <v>1.0867</v>
          </cell>
          <cell r="AT4223">
            <v>2009</v>
          </cell>
          <cell r="AU4223">
            <v>7</v>
          </cell>
        </row>
        <row r="4224">
          <cell r="C4224">
            <v>1.0842000000000001</v>
          </cell>
          <cell r="AT4224">
            <v>2009</v>
          </cell>
          <cell r="AU4224">
            <v>7</v>
          </cell>
        </row>
        <row r="4225">
          <cell r="C4225">
            <v>1.0842000000000001</v>
          </cell>
          <cell r="AT4225">
            <v>2009</v>
          </cell>
          <cell r="AU4225">
            <v>7</v>
          </cell>
        </row>
        <row r="4226">
          <cell r="C4226">
            <v>1.0842000000000001</v>
          </cell>
          <cell r="AT4226">
            <v>2009</v>
          </cell>
          <cell r="AU4226">
            <v>7</v>
          </cell>
        </row>
        <row r="4227">
          <cell r="C4227">
            <v>1.0834999999999999</v>
          </cell>
          <cell r="AT4227">
            <v>2009</v>
          </cell>
          <cell r="AU4227">
            <v>7</v>
          </cell>
        </row>
        <row r="4228">
          <cell r="C4228">
            <v>1.0880000000000001</v>
          </cell>
          <cell r="AT4228">
            <v>2009</v>
          </cell>
          <cell r="AU4228">
            <v>7</v>
          </cell>
        </row>
        <row r="4229">
          <cell r="C4229">
            <v>1.0889</v>
          </cell>
          <cell r="AT4229">
            <v>2009</v>
          </cell>
          <cell r="AU4229">
            <v>7</v>
          </cell>
        </row>
        <row r="4230">
          <cell r="C4230">
            <v>1.0814999999999999</v>
          </cell>
          <cell r="AT4230">
            <v>2009</v>
          </cell>
          <cell r="AU4230">
            <v>7</v>
          </cell>
        </row>
        <row r="4231">
          <cell r="C4231">
            <v>1.079</v>
          </cell>
          <cell r="AT4231">
            <v>2009</v>
          </cell>
          <cell r="AU4231">
            <v>8</v>
          </cell>
        </row>
        <row r="4232">
          <cell r="C4232">
            <v>1.079</v>
          </cell>
          <cell r="AT4232">
            <v>2009</v>
          </cell>
          <cell r="AU4232">
            <v>8</v>
          </cell>
        </row>
        <row r="4233">
          <cell r="C4233">
            <v>1.079</v>
          </cell>
          <cell r="AT4233">
            <v>2009</v>
          </cell>
          <cell r="AU4233">
            <v>8</v>
          </cell>
        </row>
        <row r="4234">
          <cell r="C4234">
            <v>1.079</v>
          </cell>
          <cell r="AT4234">
            <v>2009</v>
          </cell>
          <cell r="AU4234">
            <v>8</v>
          </cell>
        </row>
        <row r="4235">
          <cell r="C4235">
            <v>1.0686</v>
          </cell>
          <cell r="AT4235">
            <v>2009</v>
          </cell>
          <cell r="AU4235">
            <v>8</v>
          </cell>
        </row>
        <row r="4236">
          <cell r="C4236">
            <v>1.0720000000000001</v>
          </cell>
          <cell r="AT4236">
            <v>2009</v>
          </cell>
          <cell r="AU4236">
            <v>8</v>
          </cell>
        </row>
        <row r="4237">
          <cell r="C4237">
            <v>1.0759000000000001</v>
          </cell>
          <cell r="AT4237">
            <v>2009</v>
          </cell>
          <cell r="AU4237">
            <v>8</v>
          </cell>
        </row>
        <row r="4238">
          <cell r="C4238">
            <v>1.0837000000000001</v>
          </cell>
          <cell r="AT4238">
            <v>2009</v>
          </cell>
          <cell r="AU4238">
            <v>8</v>
          </cell>
        </row>
        <row r="4239">
          <cell r="C4239">
            <v>1.0837000000000001</v>
          </cell>
          <cell r="AT4239">
            <v>2009</v>
          </cell>
          <cell r="AU4239">
            <v>8</v>
          </cell>
        </row>
        <row r="4240">
          <cell r="C4240">
            <v>1.0837000000000001</v>
          </cell>
          <cell r="AT4240">
            <v>2009</v>
          </cell>
          <cell r="AU4240">
            <v>8</v>
          </cell>
        </row>
        <row r="4241">
          <cell r="C4241">
            <v>1.0848</v>
          </cell>
          <cell r="AT4241">
            <v>2009</v>
          </cell>
          <cell r="AU4241">
            <v>8</v>
          </cell>
        </row>
        <row r="4242">
          <cell r="C4242">
            <v>1.0988</v>
          </cell>
          <cell r="AT4242">
            <v>2009</v>
          </cell>
          <cell r="AU4242">
            <v>8</v>
          </cell>
        </row>
        <row r="4243">
          <cell r="C4243">
            <v>1.0874999999999999</v>
          </cell>
          <cell r="AT4243">
            <v>2009</v>
          </cell>
          <cell r="AU4243">
            <v>8</v>
          </cell>
        </row>
        <row r="4244">
          <cell r="C4244">
            <v>1.0851999999999999</v>
          </cell>
          <cell r="AT4244">
            <v>2009</v>
          </cell>
          <cell r="AU4244">
            <v>8</v>
          </cell>
        </row>
        <row r="4245">
          <cell r="C4245">
            <v>1.0971</v>
          </cell>
          <cell r="AT4245">
            <v>2009</v>
          </cell>
          <cell r="AU4245">
            <v>8</v>
          </cell>
        </row>
        <row r="4246">
          <cell r="C4246">
            <v>1.0971</v>
          </cell>
          <cell r="AT4246">
            <v>2009</v>
          </cell>
          <cell r="AU4246">
            <v>8</v>
          </cell>
        </row>
        <row r="4247">
          <cell r="C4247">
            <v>1.0971</v>
          </cell>
          <cell r="AT4247">
            <v>2009</v>
          </cell>
          <cell r="AU4247">
            <v>8</v>
          </cell>
        </row>
        <row r="4248">
          <cell r="C4248">
            <v>1.1079000000000001</v>
          </cell>
          <cell r="AT4248">
            <v>2009</v>
          </cell>
          <cell r="AU4248">
            <v>8</v>
          </cell>
        </row>
        <row r="4249">
          <cell r="C4249">
            <v>1.1035999999999999</v>
          </cell>
          <cell r="AT4249">
            <v>2009</v>
          </cell>
          <cell r="AU4249">
            <v>8</v>
          </cell>
        </row>
        <row r="4250">
          <cell r="C4250">
            <v>1.0969</v>
          </cell>
          <cell r="AT4250">
            <v>2009</v>
          </cell>
          <cell r="AU4250">
            <v>8</v>
          </cell>
        </row>
        <row r="4251">
          <cell r="C4251">
            <v>1.0902000000000001</v>
          </cell>
          <cell r="AT4251">
            <v>2009</v>
          </cell>
          <cell r="AU4251">
            <v>8</v>
          </cell>
        </row>
        <row r="4252">
          <cell r="C4252">
            <v>1.0799000000000001</v>
          </cell>
          <cell r="AT4252">
            <v>2009</v>
          </cell>
          <cell r="AU4252">
            <v>8</v>
          </cell>
        </row>
        <row r="4253">
          <cell r="C4253">
            <v>1.0799000000000001</v>
          </cell>
          <cell r="AT4253">
            <v>2009</v>
          </cell>
          <cell r="AU4253">
            <v>8</v>
          </cell>
        </row>
        <row r="4254">
          <cell r="C4254">
            <v>1.0799000000000001</v>
          </cell>
          <cell r="AT4254">
            <v>2009</v>
          </cell>
          <cell r="AU4254">
            <v>8</v>
          </cell>
        </row>
        <row r="4255">
          <cell r="C4255">
            <v>1.0742</v>
          </cell>
          <cell r="AT4255">
            <v>2009</v>
          </cell>
          <cell r="AU4255">
            <v>8</v>
          </cell>
        </row>
        <row r="4256">
          <cell r="C4256">
            <v>1.0782</v>
          </cell>
          <cell r="AT4256">
            <v>2009</v>
          </cell>
          <cell r="AU4256">
            <v>8</v>
          </cell>
        </row>
        <row r="4257">
          <cell r="C4257">
            <v>1.0991</v>
          </cell>
          <cell r="AT4257">
            <v>2009</v>
          </cell>
          <cell r="AU4257">
            <v>8</v>
          </cell>
        </row>
        <row r="4258">
          <cell r="C4258">
            <v>1.0960000000000001</v>
          </cell>
          <cell r="AT4258">
            <v>2009</v>
          </cell>
          <cell r="AU4258">
            <v>8</v>
          </cell>
        </row>
        <row r="4259">
          <cell r="C4259">
            <v>1.0879000000000001</v>
          </cell>
          <cell r="AT4259">
            <v>2009</v>
          </cell>
          <cell r="AU4259">
            <v>8</v>
          </cell>
        </row>
        <row r="4260">
          <cell r="C4260">
            <v>1.0879000000000001</v>
          </cell>
          <cell r="AT4260">
            <v>2009</v>
          </cell>
          <cell r="AU4260">
            <v>8</v>
          </cell>
        </row>
        <row r="4261">
          <cell r="C4261">
            <v>1.0879000000000001</v>
          </cell>
          <cell r="AT4261">
            <v>2009</v>
          </cell>
          <cell r="AU4261">
            <v>8</v>
          </cell>
        </row>
        <row r="4262">
          <cell r="C4262">
            <v>1.0967</v>
          </cell>
          <cell r="AT4262">
            <v>2009</v>
          </cell>
          <cell r="AU4262">
            <v>9</v>
          </cell>
        </row>
        <row r="4263">
          <cell r="C4263">
            <v>1.1031</v>
          </cell>
          <cell r="AT4263">
            <v>2009</v>
          </cell>
          <cell r="AU4263">
            <v>9</v>
          </cell>
        </row>
        <row r="4264">
          <cell r="C4264">
            <v>1.1065</v>
          </cell>
          <cell r="AT4264">
            <v>2009</v>
          </cell>
          <cell r="AU4264">
            <v>9</v>
          </cell>
        </row>
        <row r="4265">
          <cell r="C4265">
            <v>1.1033999999999999</v>
          </cell>
          <cell r="AT4265">
            <v>2009</v>
          </cell>
          <cell r="AU4265">
            <v>9</v>
          </cell>
        </row>
        <row r="4266">
          <cell r="C4266">
            <v>1.0889</v>
          </cell>
          <cell r="AT4266">
            <v>2009</v>
          </cell>
          <cell r="AU4266">
            <v>9</v>
          </cell>
        </row>
        <row r="4267">
          <cell r="C4267">
            <v>1.0889</v>
          </cell>
          <cell r="AT4267">
            <v>2009</v>
          </cell>
          <cell r="AU4267">
            <v>9</v>
          </cell>
        </row>
        <row r="4268">
          <cell r="C4268">
            <v>1.0889</v>
          </cell>
          <cell r="AT4268">
            <v>2009</v>
          </cell>
          <cell r="AU4268">
            <v>9</v>
          </cell>
        </row>
        <row r="4269">
          <cell r="C4269">
            <v>1.0889</v>
          </cell>
          <cell r="AT4269">
            <v>2009</v>
          </cell>
          <cell r="AU4269">
            <v>9</v>
          </cell>
        </row>
        <row r="4270">
          <cell r="C4270">
            <v>1.0764</v>
          </cell>
          <cell r="AT4270">
            <v>2009</v>
          </cell>
          <cell r="AU4270">
            <v>9</v>
          </cell>
        </row>
        <row r="4271">
          <cell r="C4271">
            <v>1.0787</v>
          </cell>
          <cell r="AT4271">
            <v>2009</v>
          </cell>
          <cell r="AU4271">
            <v>9</v>
          </cell>
        </row>
        <row r="4272">
          <cell r="C4272">
            <v>1.0811999999999999</v>
          </cell>
          <cell r="AT4272">
            <v>2009</v>
          </cell>
          <cell r="AU4272">
            <v>9</v>
          </cell>
        </row>
        <row r="4273">
          <cell r="C4273">
            <v>1.0746</v>
          </cell>
          <cell r="AT4273">
            <v>2009</v>
          </cell>
          <cell r="AU4273">
            <v>9</v>
          </cell>
        </row>
        <row r="4274">
          <cell r="C4274">
            <v>1.0746</v>
          </cell>
          <cell r="AT4274">
            <v>2009</v>
          </cell>
          <cell r="AU4274">
            <v>9</v>
          </cell>
        </row>
        <row r="4275">
          <cell r="C4275">
            <v>1.0746</v>
          </cell>
          <cell r="AT4275">
            <v>2009</v>
          </cell>
          <cell r="AU4275">
            <v>9</v>
          </cell>
        </row>
        <row r="4276">
          <cell r="C4276">
            <v>1.0857000000000001</v>
          </cell>
          <cell r="AT4276">
            <v>2009</v>
          </cell>
          <cell r="AU4276">
            <v>9</v>
          </cell>
        </row>
        <row r="4277">
          <cell r="C4277">
            <v>1.0763</v>
          </cell>
          <cell r="AT4277">
            <v>2009</v>
          </cell>
          <cell r="AU4277">
            <v>9</v>
          </cell>
        </row>
        <row r="4278">
          <cell r="C4278">
            <v>1.0663</v>
          </cell>
          <cell r="AT4278">
            <v>2009</v>
          </cell>
          <cell r="AU4278">
            <v>9</v>
          </cell>
        </row>
        <row r="4279">
          <cell r="C4279">
            <v>1.0612999999999999</v>
          </cell>
          <cell r="AT4279">
            <v>2009</v>
          </cell>
          <cell r="AU4279">
            <v>9</v>
          </cell>
        </row>
        <row r="4280">
          <cell r="C4280">
            <v>1.0724</v>
          </cell>
          <cell r="AT4280">
            <v>2009</v>
          </cell>
          <cell r="AU4280">
            <v>9</v>
          </cell>
        </row>
        <row r="4281">
          <cell r="C4281">
            <v>1.0724</v>
          </cell>
          <cell r="AT4281">
            <v>2009</v>
          </cell>
          <cell r="AU4281">
            <v>9</v>
          </cell>
        </row>
        <row r="4282">
          <cell r="C4282">
            <v>1.0724</v>
          </cell>
          <cell r="AT4282">
            <v>2009</v>
          </cell>
          <cell r="AU4282">
            <v>9</v>
          </cell>
        </row>
        <row r="4283">
          <cell r="C4283">
            <v>1.0777000000000001</v>
          </cell>
          <cell r="AT4283">
            <v>2009</v>
          </cell>
          <cell r="AU4283">
            <v>9</v>
          </cell>
        </row>
        <row r="4284">
          <cell r="C4284">
            <v>1.0683</v>
          </cell>
          <cell r="AT4284">
            <v>2009</v>
          </cell>
          <cell r="AU4284">
            <v>9</v>
          </cell>
        </row>
        <row r="4285">
          <cell r="C4285">
            <v>1.0724</v>
          </cell>
          <cell r="AT4285">
            <v>2009</v>
          </cell>
          <cell r="AU4285">
            <v>9</v>
          </cell>
        </row>
        <row r="4286">
          <cell r="C4286">
            <v>1.0869</v>
          </cell>
          <cell r="AT4286">
            <v>2009</v>
          </cell>
          <cell r="AU4286">
            <v>9</v>
          </cell>
        </row>
        <row r="4287">
          <cell r="C4287">
            <v>1.0914999999999999</v>
          </cell>
          <cell r="AT4287">
            <v>2009</v>
          </cell>
          <cell r="AU4287">
            <v>9</v>
          </cell>
        </row>
        <row r="4288">
          <cell r="C4288">
            <v>1.0914999999999999</v>
          </cell>
          <cell r="AT4288">
            <v>2009</v>
          </cell>
          <cell r="AU4288">
            <v>9</v>
          </cell>
        </row>
        <row r="4289">
          <cell r="C4289">
            <v>1.0914999999999999</v>
          </cell>
          <cell r="AT4289">
            <v>2009</v>
          </cell>
          <cell r="AU4289">
            <v>9</v>
          </cell>
        </row>
        <row r="4290">
          <cell r="C4290">
            <v>1.0861000000000001</v>
          </cell>
          <cell r="AT4290">
            <v>2009</v>
          </cell>
          <cell r="AU4290">
            <v>9</v>
          </cell>
        </row>
        <row r="4291">
          <cell r="C4291">
            <v>1.0871</v>
          </cell>
          <cell r="AT4291">
            <v>2009</v>
          </cell>
          <cell r="AU4291">
            <v>9</v>
          </cell>
        </row>
        <row r="4292">
          <cell r="C4292">
            <v>1.0722</v>
          </cell>
          <cell r="AT4292">
            <v>2009</v>
          </cell>
          <cell r="AU4292">
            <v>10</v>
          </cell>
        </row>
        <row r="4293">
          <cell r="C4293">
            <v>1.0773999999999999</v>
          </cell>
          <cell r="AT4293">
            <v>2009</v>
          </cell>
          <cell r="AU4293">
            <v>10</v>
          </cell>
        </row>
        <row r="4294">
          <cell r="C4294">
            <v>1.0845</v>
          </cell>
          <cell r="AT4294">
            <v>2009</v>
          </cell>
          <cell r="AU4294">
            <v>10</v>
          </cell>
        </row>
        <row r="4295">
          <cell r="C4295">
            <v>1.0845</v>
          </cell>
          <cell r="AT4295">
            <v>2009</v>
          </cell>
          <cell r="AU4295">
            <v>10</v>
          </cell>
        </row>
        <row r="4296">
          <cell r="C4296">
            <v>1.0845</v>
          </cell>
          <cell r="AT4296">
            <v>2009</v>
          </cell>
          <cell r="AU4296">
            <v>10</v>
          </cell>
        </row>
        <row r="4297">
          <cell r="C4297">
            <v>1.0757000000000001</v>
          </cell>
          <cell r="AT4297">
            <v>2009</v>
          </cell>
          <cell r="AU4297">
            <v>10</v>
          </cell>
        </row>
        <row r="4298">
          <cell r="C4298">
            <v>1.0570999999999999</v>
          </cell>
          <cell r="AT4298">
            <v>2009</v>
          </cell>
          <cell r="AU4298">
            <v>10</v>
          </cell>
        </row>
        <row r="4299">
          <cell r="C4299">
            <v>1.0619000000000001</v>
          </cell>
          <cell r="AT4299">
            <v>2009</v>
          </cell>
          <cell r="AU4299">
            <v>10</v>
          </cell>
        </row>
        <row r="4300">
          <cell r="C4300">
            <v>1.0535000000000001</v>
          </cell>
          <cell r="AT4300">
            <v>2009</v>
          </cell>
          <cell r="AU4300">
            <v>10</v>
          </cell>
        </row>
        <row r="4301">
          <cell r="C4301">
            <v>1.0424</v>
          </cell>
          <cell r="AT4301">
            <v>2009</v>
          </cell>
          <cell r="AU4301">
            <v>10</v>
          </cell>
        </row>
        <row r="4302">
          <cell r="C4302">
            <v>1.0424</v>
          </cell>
          <cell r="AT4302">
            <v>2009</v>
          </cell>
          <cell r="AU4302">
            <v>10</v>
          </cell>
        </row>
        <row r="4303">
          <cell r="C4303">
            <v>1.0424</v>
          </cell>
          <cell r="AT4303">
            <v>2009</v>
          </cell>
          <cell r="AU4303">
            <v>10</v>
          </cell>
        </row>
        <row r="4304">
          <cell r="C4304">
            <v>1.0424</v>
          </cell>
          <cell r="AT4304">
            <v>2009</v>
          </cell>
          <cell r="AU4304">
            <v>10</v>
          </cell>
        </row>
        <row r="4305">
          <cell r="C4305">
            <v>1.0298</v>
          </cell>
          <cell r="AT4305">
            <v>2009</v>
          </cell>
          <cell r="AU4305">
            <v>10</v>
          </cell>
        </row>
        <row r="4306">
          <cell r="C4306">
            <v>1.0291999999999999</v>
          </cell>
          <cell r="AT4306">
            <v>2009</v>
          </cell>
          <cell r="AU4306">
            <v>10</v>
          </cell>
        </row>
        <row r="4307">
          <cell r="C4307">
            <v>1.0303</v>
          </cell>
          <cell r="AT4307">
            <v>2009</v>
          </cell>
          <cell r="AU4307">
            <v>10</v>
          </cell>
        </row>
        <row r="4308">
          <cell r="C4308">
            <v>1.0388999999999999</v>
          </cell>
          <cell r="AT4308">
            <v>2009</v>
          </cell>
          <cell r="AU4308">
            <v>10</v>
          </cell>
        </row>
        <row r="4309">
          <cell r="C4309">
            <v>1.0388999999999999</v>
          </cell>
          <cell r="AT4309">
            <v>2009</v>
          </cell>
          <cell r="AU4309">
            <v>10</v>
          </cell>
        </row>
        <row r="4310">
          <cell r="C4310">
            <v>1.0388999999999999</v>
          </cell>
          <cell r="AT4310">
            <v>2009</v>
          </cell>
          <cell r="AU4310">
            <v>10</v>
          </cell>
        </row>
        <row r="4311">
          <cell r="C4311">
            <v>1.0307999999999999</v>
          </cell>
          <cell r="AT4311">
            <v>2009</v>
          </cell>
          <cell r="AU4311">
            <v>10</v>
          </cell>
        </row>
        <row r="4312">
          <cell r="C4312">
            <v>1.05</v>
          </cell>
          <cell r="AT4312">
            <v>2009</v>
          </cell>
          <cell r="AU4312">
            <v>10</v>
          </cell>
        </row>
        <row r="4313">
          <cell r="C4313">
            <v>1.0411999999999999</v>
          </cell>
          <cell r="AT4313">
            <v>2009</v>
          </cell>
          <cell r="AU4313">
            <v>10</v>
          </cell>
        </row>
        <row r="4314">
          <cell r="C4314">
            <v>1.0485</v>
          </cell>
          <cell r="AT4314">
            <v>2009</v>
          </cell>
          <cell r="AU4314">
            <v>10</v>
          </cell>
        </row>
        <row r="4315">
          <cell r="C4315">
            <v>1.0508</v>
          </cell>
          <cell r="AT4315">
            <v>2009</v>
          </cell>
          <cell r="AU4315">
            <v>10</v>
          </cell>
        </row>
        <row r="4316">
          <cell r="C4316">
            <v>1.0508</v>
          </cell>
          <cell r="AT4316">
            <v>2009</v>
          </cell>
          <cell r="AU4316">
            <v>10</v>
          </cell>
        </row>
        <row r="4317">
          <cell r="C4317">
            <v>1.0508</v>
          </cell>
          <cell r="AT4317">
            <v>2009</v>
          </cell>
          <cell r="AU4317">
            <v>10</v>
          </cell>
        </row>
        <row r="4318">
          <cell r="C4318">
            <v>1.0616000000000001</v>
          </cell>
          <cell r="AT4318">
            <v>2009</v>
          </cell>
          <cell r="AU4318">
            <v>10</v>
          </cell>
        </row>
        <row r="4319">
          <cell r="C4319">
            <v>1.0648</v>
          </cell>
          <cell r="AT4319">
            <v>2009</v>
          </cell>
          <cell r="AU4319">
            <v>10</v>
          </cell>
        </row>
        <row r="4320">
          <cell r="C4320">
            <v>1.0755999999999999</v>
          </cell>
          <cell r="AT4320">
            <v>2009</v>
          </cell>
          <cell r="AU4320">
            <v>10</v>
          </cell>
        </row>
        <row r="4321">
          <cell r="C4321">
            <v>1.0705</v>
          </cell>
          <cell r="AT4321">
            <v>2009</v>
          </cell>
          <cell r="AU4321">
            <v>10</v>
          </cell>
        </row>
        <row r="4322">
          <cell r="C4322">
            <v>1.0773999999999999</v>
          </cell>
          <cell r="AT4322">
            <v>2009</v>
          </cell>
          <cell r="AU4322">
            <v>10</v>
          </cell>
        </row>
        <row r="4323">
          <cell r="C4323">
            <v>1.0773999999999999</v>
          </cell>
          <cell r="AT4323">
            <v>2009</v>
          </cell>
          <cell r="AU4323">
            <v>11</v>
          </cell>
        </row>
        <row r="4324">
          <cell r="C4324">
            <v>1.0773999999999999</v>
          </cell>
          <cell r="AT4324">
            <v>2009</v>
          </cell>
          <cell r="AU4324">
            <v>11</v>
          </cell>
        </row>
        <row r="4325">
          <cell r="C4325">
            <v>1.0743</v>
          </cell>
          <cell r="AT4325">
            <v>2009</v>
          </cell>
          <cell r="AU4325">
            <v>11</v>
          </cell>
        </row>
        <row r="4326">
          <cell r="C4326">
            <v>1.0704</v>
          </cell>
          <cell r="AT4326">
            <v>2009</v>
          </cell>
          <cell r="AU4326">
            <v>11</v>
          </cell>
        </row>
        <row r="4327">
          <cell r="C4327">
            <v>1.0647</v>
          </cell>
          <cell r="AT4327">
            <v>2009</v>
          </cell>
          <cell r="AU4327">
            <v>11</v>
          </cell>
        </row>
        <row r="4328">
          <cell r="C4328">
            <v>1.0650999999999999</v>
          </cell>
          <cell r="AT4328">
            <v>2009</v>
          </cell>
          <cell r="AU4328">
            <v>11</v>
          </cell>
        </row>
        <row r="4329">
          <cell r="C4329">
            <v>1.0720000000000001</v>
          </cell>
          <cell r="AT4329">
            <v>2009</v>
          </cell>
          <cell r="AU4329">
            <v>11</v>
          </cell>
        </row>
        <row r="4330">
          <cell r="C4330">
            <v>1.0720000000000001</v>
          </cell>
          <cell r="AT4330">
            <v>2009</v>
          </cell>
          <cell r="AU4330">
            <v>11</v>
          </cell>
        </row>
        <row r="4331">
          <cell r="C4331">
            <v>1.0720000000000001</v>
          </cell>
          <cell r="AT4331">
            <v>2009</v>
          </cell>
          <cell r="AU4331">
            <v>11</v>
          </cell>
        </row>
        <row r="4332">
          <cell r="C4332">
            <v>1.0566</v>
          </cell>
          <cell r="AT4332">
            <v>2009</v>
          </cell>
          <cell r="AU4332">
            <v>11</v>
          </cell>
        </row>
        <row r="4333">
          <cell r="C4333">
            <v>1.0518000000000001</v>
          </cell>
          <cell r="AT4333">
            <v>2009</v>
          </cell>
          <cell r="AU4333">
            <v>11</v>
          </cell>
        </row>
        <row r="4334">
          <cell r="C4334">
            <v>1.0518000000000001</v>
          </cell>
          <cell r="AT4334">
            <v>2009</v>
          </cell>
          <cell r="AU4334">
            <v>11</v>
          </cell>
        </row>
        <row r="4335">
          <cell r="C4335">
            <v>1.0519000000000001</v>
          </cell>
          <cell r="AT4335">
            <v>2009</v>
          </cell>
          <cell r="AU4335">
            <v>11</v>
          </cell>
        </row>
        <row r="4336">
          <cell r="C4336">
            <v>1.0508</v>
          </cell>
          <cell r="AT4336">
            <v>2009</v>
          </cell>
          <cell r="AU4336">
            <v>11</v>
          </cell>
        </row>
        <row r="4337">
          <cell r="C4337">
            <v>1.0508</v>
          </cell>
          <cell r="AT4337">
            <v>2009</v>
          </cell>
          <cell r="AU4337">
            <v>11</v>
          </cell>
        </row>
        <row r="4338">
          <cell r="C4338">
            <v>1.0508</v>
          </cell>
          <cell r="AT4338">
            <v>2009</v>
          </cell>
          <cell r="AU4338">
            <v>11</v>
          </cell>
        </row>
        <row r="4339">
          <cell r="C4339">
            <v>1.046</v>
          </cell>
          <cell r="AT4339">
            <v>2009</v>
          </cell>
          <cell r="AU4339">
            <v>11</v>
          </cell>
        </row>
        <row r="4340">
          <cell r="C4340">
            <v>1.0591999999999999</v>
          </cell>
          <cell r="AT4340">
            <v>2009</v>
          </cell>
          <cell r="AU4340">
            <v>11</v>
          </cell>
        </row>
        <row r="4341">
          <cell r="C4341">
            <v>1.05</v>
          </cell>
          <cell r="AT4341">
            <v>2009</v>
          </cell>
          <cell r="AU4341">
            <v>11</v>
          </cell>
        </row>
        <row r="4342">
          <cell r="C4342">
            <v>1.0638000000000001</v>
          </cell>
          <cell r="AT4342">
            <v>2009</v>
          </cell>
          <cell r="AU4342">
            <v>11</v>
          </cell>
        </row>
        <row r="4343">
          <cell r="C4343">
            <v>1.0696000000000001</v>
          </cell>
          <cell r="AT4343">
            <v>2009</v>
          </cell>
          <cell r="AU4343">
            <v>11</v>
          </cell>
        </row>
        <row r="4344">
          <cell r="C4344">
            <v>1.0696000000000001</v>
          </cell>
          <cell r="AT4344">
            <v>2009</v>
          </cell>
          <cell r="AU4344">
            <v>11</v>
          </cell>
        </row>
        <row r="4345">
          <cell r="C4345">
            <v>1.0696000000000001</v>
          </cell>
          <cell r="AT4345">
            <v>2009</v>
          </cell>
          <cell r="AU4345">
            <v>11</v>
          </cell>
        </row>
        <row r="4346">
          <cell r="C4346">
            <v>1.0550999999999999</v>
          </cell>
          <cell r="AT4346">
            <v>2009</v>
          </cell>
          <cell r="AU4346">
            <v>11</v>
          </cell>
        </row>
        <row r="4347">
          <cell r="C4347">
            <v>1.0608</v>
          </cell>
          <cell r="AT4347">
            <v>2009</v>
          </cell>
          <cell r="AU4347">
            <v>11</v>
          </cell>
        </row>
        <row r="4348">
          <cell r="C4348">
            <v>1.0501</v>
          </cell>
          <cell r="AT4348">
            <v>2009</v>
          </cell>
          <cell r="AU4348">
            <v>11</v>
          </cell>
        </row>
        <row r="4349">
          <cell r="C4349">
            <v>1.0501</v>
          </cell>
          <cell r="AT4349">
            <v>2009</v>
          </cell>
          <cell r="AU4349">
            <v>11</v>
          </cell>
        </row>
        <row r="4350">
          <cell r="C4350">
            <v>1.0501</v>
          </cell>
          <cell r="AT4350">
            <v>2009</v>
          </cell>
          <cell r="AU4350">
            <v>11</v>
          </cell>
        </row>
        <row r="4351">
          <cell r="C4351">
            <v>1.0501</v>
          </cell>
          <cell r="AT4351">
            <v>2009</v>
          </cell>
          <cell r="AU4351">
            <v>11</v>
          </cell>
        </row>
        <row r="4352">
          <cell r="C4352">
            <v>1.0501</v>
          </cell>
          <cell r="AT4352">
            <v>2009</v>
          </cell>
          <cell r="AU4352">
            <v>11</v>
          </cell>
        </row>
        <row r="4353">
          <cell r="C4353">
            <v>1.0573999999999999</v>
          </cell>
          <cell r="AT4353">
            <v>2009</v>
          </cell>
          <cell r="AU4353">
            <v>12</v>
          </cell>
        </row>
        <row r="4354">
          <cell r="C4354">
            <v>1.0431999999999999</v>
          </cell>
          <cell r="AT4354">
            <v>2009</v>
          </cell>
          <cell r="AU4354">
            <v>12</v>
          </cell>
        </row>
        <row r="4355">
          <cell r="C4355">
            <v>1.0468</v>
          </cell>
          <cell r="AT4355">
            <v>2009</v>
          </cell>
          <cell r="AU4355">
            <v>12</v>
          </cell>
        </row>
        <row r="4356">
          <cell r="C4356">
            <v>1.0542</v>
          </cell>
          <cell r="AT4356">
            <v>2009</v>
          </cell>
          <cell r="AU4356">
            <v>12</v>
          </cell>
        </row>
        <row r="4357">
          <cell r="C4357">
            <v>1.0517000000000001</v>
          </cell>
          <cell r="AT4357">
            <v>2009</v>
          </cell>
          <cell r="AU4357">
            <v>12</v>
          </cell>
        </row>
        <row r="4358">
          <cell r="C4358">
            <v>1.0517000000000001</v>
          </cell>
          <cell r="AT4358">
            <v>2009</v>
          </cell>
          <cell r="AU4358">
            <v>12</v>
          </cell>
        </row>
        <row r="4359">
          <cell r="C4359">
            <v>1.0517000000000001</v>
          </cell>
          <cell r="AT4359">
            <v>2009</v>
          </cell>
          <cell r="AU4359">
            <v>12</v>
          </cell>
        </row>
        <row r="4360">
          <cell r="C4360">
            <v>1.0510999999999999</v>
          </cell>
          <cell r="AT4360">
            <v>2009</v>
          </cell>
          <cell r="AU4360">
            <v>12</v>
          </cell>
        </row>
        <row r="4361">
          <cell r="C4361">
            <v>1.0604</v>
          </cell>
          <cell r="AT4361">
            <v>2009</v>
          </cell>
          <cell r="AU4361">
            <v>12</v>
          </cell>
        </row>
        <row r="4362">
          <cell r="C4362">
            <v>1.0551999999999999</v>
          </cell>
          <cell r="AT4362">
            <v>2009</v>
          </cell>
          <cell r="AU4362">
            <v>12</v>
          </cell>
        </row>
        <row r="4363">
          <cell r="C4363">
            <v>1.0519000000000001</v>
          </cell>
          <cell r="AT4363">
            <v>2009</v>
          </cell>
          <cell r="AU4363">
            <v>12</v>
          </cell>
        </row>
        <row r="4364">
          <cell r="C4364">
            <v>1.0585</v>
          </cell>
          <cell r="AT4364">
            <v>2009</v>
          </cell>
          <cell r="AU4364">
            <v>12</v>
          </cell>
        </row>
        <row r="4365">
          <cell r="C4365">
            <v>1.0585</v>
          </cell>
          <cell r="AT4365">
            <v>2009</v>
          </cell>
          <cell r="AU4365">
            <v>12</v>
          </cell>
        </row>
        <row r="4366">
          <cell r="C4366">
            <v>1.0585</v>
          </cell>
          <cell r="AT4366">
            <v>2009</v>
          </cell>
          <cell r="AU4366">
            <v>12</v>
          </cell>
        </row>
        <row r="4367">
          <cell r="C4367">
            <v>1.0592999999999999</v>
          </cell>
          <cell r="AT4367">
            <v>2009</v>
          </cell>
          <cell r="AU4367">
            <v>12</v>
          </cell>
        </row>
        <row r="4368">
          <cell r="C4368">
            <v>1.0620000000000001</v>
          </cell>
          <cell r="AT4368">
            <v>2009</v>
          </cell>
          <cell r="AU4368">
            <v>12</v>
          </cell>
        </row>
        <row r="4369">
          <cell r="C4369">
            <v>1.0580000000000001</v>
          </cell>
          <cell r="AT4369">
            <v>2009</v>
          </cell>
          <cell r="AU4369">
            <v>12</v>
          </cell>
        </row>
        <row r="4370">
          <cell r="C4370">
            <v>1.0712999999999999</v>
          </cell>
          <cell r="AT4370">
            <v>2009</v>
          </cell>
          <cell r="AU4370">
            <v>12</v>
          </cell>
        </row>
        <row r="4371">
          <cell r="C4371">
            <v>1.0678000000000001</v>
          </cell>
          <cell r="AT4371">
            <v>2009</v>
          </cell>
          <cell r="AU4371">
            <v>12</v>
          </cell>
        </row>
        <row r="4372">
          <cell r="C4372">
            <v>1.0678000000000001</v>
          </cell>
          <cell r="AT4372">
            <v>2009</v>
          </cell>
          <cell r="AU4372">
            <v>12</v>
          </cell>
        </row>
        <row r="4373">
          <cell r="C4373">
            <v>1.0678000000000001</v>
          </cell>
          <cell r="AT4373">
            <v>2009</v>
          </cell>
          <cell r="AU4373">
            <v>12</v>
          </cell>
        </row>
        <row r="4374">
          <cell r="C4374">
            <v>1.0593999999999999</v>
          </cell>
          <cell r="AT4374">
            <v>2009</v>
          </cell>
          <cell r="AU4374">
            <v>12</v>
          </cell>
        </row>
        <row r="4375">
          <cell r="C4375">
            <v>1.0556000000000001</v>
          </cell>
          <cell r="AT4375">
            <v>2009</v>
          </cell>
          <cell r="AU4375">
            <v>12</v>
          </cell>
        </row>
        <row r="4376">
          <cell r="C4376">
            <v>1.0476000000000001</v>
          </cell>
          <cell r="AT4376">
            <v>2009</v>
          </cell>
          <cell r="AU4376">
            <v>12</v>
          </cell>
        </row>
        <row r="4377">
          <cell r="C4377">
            <v>1.0488</v>
          </cell>
          <cell r="AT4377">
            <v>2009</v>
          </cell>
          <cell r="AU4377">
            <v>12</v>
          </cell>
        </row>
        <row r="4378">
          <cell r="C4378">
            <v>1.0488</v>
          </cell>
          <cell r="AT4378">
            <v>2009</v>
          </cell>
          <cell r="AU4378">
            <v>12</v>
          </cell>
        </row>
        <row r="4379">
          <cell r="C4379">
            <v>1.0488</v>
          </cell>
          <cell r="AT4379">
            <v>2009</v>
          </cell>
          <cell r="AU4379">
            <v>12</v>
          </cell>
        </row>
        <row r="4380">
          <cell r="C4380">
            <v>1.0488</v>
          </cell>
          <cell r="AT4380">
            <v>2009</v>
          </cell>
          <cell r="AU4380">
            <v>12</v>
          </cell>
        </row>
        <row r="4381">
          <cell r="C4381">
            <v>1.0488</v>
          </cell>
          <cell r="AT4381">
            <v>2009</v>
          </cell>
          <cell r="AU4381">
            <v>12</v>
          </cell>
        </row>
        <row r="4382">
          <cell r="C4382">
            <v>1.0405</v>
          </cell>
          <cell r="AT4382">
            <v>2009</v>
          </cell>
          <cell r="AU4382">
            <v>12</v>
          </cell>
        </row>
        <row r="4383">
          <cell r="C4383">
            <v>1.0525</v>
          </cell>
          <cell r="AT4383">
            <v>2009</v>
          </cell>
          <cell r="AU4383">
            <v>12</v>
          </cell>
        </row>
        <row r="4384">
          <cell r="C4384">
            <v>1.0466</v>
          </cell>
          <cell r="AT4384">
            <v>2010</v>
          </cell>
          <cell r="AU4384">
            <v>1</v>
          </cell>
        </row>
        <row r="4385">
          <cell r="C4385">
            <v>1.0466</v>
          </cell>
          <cell r="AT4385">
            <v>2010</v>
          </cell>
          <cell r="AU4385">
            <v>1</v>
          </cell>
        </row>
        <row r="4386">
          <cell r="C4386">
            <v>1.0466</v>
          </cell>
          <cell r="AT4386">
            <v>2010</v>
          </cell>
          <cell r="AU4386">
            <v>1</v>
          </cell>
        </row>
        <row r="4387">
          <cell r="C4387">
            <v>1.0466</v>
          </cell>
          <cell r="AT4387">
            <v>2010</v>
          </cell>
          <cell r="AU4387">
            <v>1</v>
          </cell>
        </row>
        <row r="4388">
          <cell r="C4388">
            <v>1.0378000000000001</v>
          </cell>
          <cell r="AT4388">
            <v>2010</v>
          </cell>
          <cell r="AU4388">
            <v>1</v>
          </cell>
        </row>
        <row r="4389">
          <cell r="C4389">
            <v>1.0371999999999999</v>
          </cell>
          <cell r="AT4389">
            <v>2010</v>
          </cell>
          <cell r="AU4389">
            <v>1</v>
          </cell>
        </row>
        <row r="4390">
          <cell r="C4390">
            <v>1.0334000000000001</v>
          </cell>
          <cell r="AT4390">
            <v>2010</v>
          </cell>
          <cell r="AU4390">
            <v>1</v>
          </cell>
        </row>
        <row r="4391">
          <cell r="C4391">
            <v>1.0350999999999999</v>
          </cell>
          <cell r="AT4391">
            <v>2010</v>
          </cell>
          <cell r="AU4391">
            <v>1</v>
          </cell>
        </row>
        <row r="4392">
          <cell r="C4392">
            <v>1.0344</v>
          </cell>
          <cell r="AT4392">
            <v>2010</v>
          </cell>
          <cell r="AU4392">
            <v>1</v>
          </cell>
        </row>
        <row r="4393">
          <cell r="C4393">
            <v>1.0344</v>
          </cell>
          <cell r="AT4393">
            <v>2010</v>
          </cell>
          <cell r="AU4393">
            <v>1</v>
          </cell>
        </row>
        <row r="4394">
          <cell r="C4394">
            <v>1.0344</v>
          </cell>
          <cell r="AT4394">
            <v>2010</v>
          </cell>
          <cell r="AU4394">
            <v>1</v>
          </cell>
        </row>
        <row r="4395">
          <cell r="C4395">
            <v>1.0317000000000001</v>
          </cell>
          <cell r="AT4395">
            <v>2010</v>
          </cell>
          <cell r="AU4395">
            <v>1</v>
          </cell>
        </row>
        <row r="4396">
          <cell r="C4396">
            <v>1.0375000000000001</v>
          </cell>
          <cell r="AT4396">
            <v>2010</v>
          </cell>
          <cell r="AU4396">
            <v>1</v>
          </cell>
        </row>
        <row r="4397">
          <cell r="C4397">
            <v>1.0322</v>
          </cell>
          <cell r="AT4397">
            <v>2010</v>
          </cell>
          <cell r="AU4397">
            <v>1</v>
          </cell>
        </row>
        <row r="4398">
          <cell r="C4398">
            <v>1.0261</v>
          </cell>
          <cell r="AT4398">
            <v>2010</v>
          </cell>
          <cell r="AU4398">
            <v>1</v>
          </cell>
        </row>
        <row r="4399">
          <cell r="C4399">
            <v>1.0286999999999999</v>
          </cell>
          <cell r="AT4399">
            <v>2010</v>
          </cell>
          <cell r="AU4399">
            <v>1</v>
          </cell>
        </row>
        <row r="4400">
          <cell r="C4400">
            <v>1.0286999999999999</v>
          </cell>
          <cell r="AT4400">
            <v>2010</v>
          </cell>
          <cell r="AU4400">
            <v>1</v>
          </cell>
        </row>
        <row r="4401">
          <cell r="C4401">
            <v>1.0286999999999999</v>
          </cell>
          <cell r="AT4401">
            <v>2010</v>
          </cell>
          <cell r="AU4401">
            <v>1</v>
          </cell>
        </row>
        <row r="4402">
          <cell r="C4402">
            <v>1.0286999999999999</v>
          </cell>
          <cell r="AT4402">
            <v>2010</v>
          </cell>
          <cell r="AU4402">
            <v>1</v>
          </cell>
        </row>
        <row r="4403">
          <cell r="C4403">
            <v>1.0327999999999999</v>
          </cell>
          <cell r="AT4403">
            <v>2010</v>
          </cell>
          <cell r="AU4403">
            <v>1</v>
          </cell>
        </row>
        <row r="4404">
          <cell r="C4404">
            <v>1.0478000000000001</v>
          </cell>
          <cell r="AT4404">
            <v>2010</v>
          </cell>
          <cell r="AU4404">
            <v>1</v>
          </cell>
        </row>
        <row r="4405">
          <cell r="C4405">
            <v>1.0487</v>
          </cell>
          <cell r="AT4405">
            <v>2010</v>
          </cell>
          <cell r="AU4405">
            <v>1</v>
          </cell>
        </row>
        <row r="4406">
          <cell r="C4406">
            <v>1.0564</v>
          </cell>
          <cell r="AT4406">
            <v>2010</v>
          </cell>
          <cell r="AU4406">
            <v>1</v>
          </cell>
        </row>
        <row r="4407">
          <cell r="C4407">
            <v>1.0564</v>
          </cell>
          <cell r="AT4407">
            <v>2010</v>
          </cell>
          <cell r="AU4407">
            <v>1</v>
          </cell>
        </row>
        <row r="4408">
          <cell r="C4408">
            <v>1.0564</v>
          </cell>
          <cell r="AT4408">
            <v>2010</v>
          </cell>
          <cell r="AU4408">
            <v>1</v>
          </cell>
        </row>
        <row r="4409">
          <cell r="C4409">
            <v>1.0582</v>
          </cell>
          <cell r="AT4409">
            <v>2010</v>
          </cell>
          <cell r="AU4409">
            <v>1</v>
          </cell>
        </row>
        <row r="4410">
          <cell r="C4410">
            <v>1.0606</v>
          </cell>
          <cell r="AT4410">
            <v>2010</v>
          </cell>
          <cell r="AU4410">
            <v>1</v>
          </cell>
        </row>
        <row r="4411">
          <cell r="C4411">
            <v>1.0657000000000001</v>
          </cell>
          <cell r="AT4411">
            <v>2010</v>
          </cell>
          <cell r="AU4411">
            <v>1</v>
          </cell>
        </row>
        <row r="4412">
          <cell r="C4412">
            <v>1.0643</v>
          </cell>
          <cell r="AT4412">
            <v>2010</v>
          </cell>
          <cell r="AU4412">
            <v>1</v>
          </cell>
        </row>
        <row r="4413">
          <cell r="C4413">
            <v>1.0649999999999999</v>
          </cell>
          <cell r="AT4413">
            <v>2010</v>
          </cell>
          <cell r="AU4413">
            <v>1</v>
          </cell>
        </row>
        <row r="4414">
          <cell r="C4414">
            <v>1.0649999999999999</v>
          </cell>
          <cell r="AT4414">
            <v>2010</v>
          </cell>
          <cell r="AU4414">
            <v>1</v>
          </cell>
        </row>
        <row r="4415">
          <cell r="C4415">
            <v>1.0649999999999999</v>
          </cell>
          <cell r="AT4415">
            <v>2010</v>
          </cell>
          <cell r="AU4415">
            <v>2</v>
          </cell>
        </row>
        <row r="4416">
          <cell r="C4416">
            <v>1.0652999999999999</v>
          </cell>
          <cell r="AT4416">
            <v>2010</v>
          </cell>
          <cell r="AU4416">
            <v>2</v>
          </cell>
        </row>
        <row r="4417">
          <cell r="C4417">
            <v>1.0607</v>
          </cell>
          <cell r="AT4417">
            <v>2010</v>
          </cell>
          <cell r="AU4417">
            <v>2</v>
          </cell>
        </row>
        <row r="4418">
          <cell r="C4418">
            <v>1.0609</v>
          </cell>
          <cell r="AT4418">
            <v>2010</v>
          </cell>
          <cell r="AU4418">
            <v>2</v>
          </cell>
        </row>
        <row r="4419">
          <cell r="C4419">
            <v>1.0733999999999999</v>
          </cell>
          <cell r="AT4419">
            <v>2010</v>
          </cell>
          <cell r="AU4419">
            <v>2</v>
          </cell>
        </row>
        <row r="4420">
          <cell r="C4420">
            <v>1.0725</v>
          </cell>
          <cell r="AT4420">
            <v>2010</v>
          </cell>
          <cell r="AU4420">
            <v>2</v>
          </cell>
        </row>
        <row r="4421">
          <cell r="C4421">
            <v>1.0725</v>
          </cell>
          <cell r="AT4421">
            <v>2010</v>
          </cell>
          <cell r="AU4421">
            <v>2</v>
          </cell>
        </row>
        <row r="4422">
          <cell r="C4422">
            <v>1.0725</v>
          </cell>
          <cell r="AT4422">
            <v>2010</v>
          </cell>
          <cell r="AU4422">
            <v>2</v>
          </cell>
        </row>
        <row r="4423">
          <cell r="C4423">
            <v>1.0691999999999999</v>
          </cell>
          <cell r="AT4423">
            <v>2010</v>
          </cell>
          <cell r="AU4423">
            <v>2</v>
          </cell>
        </row>
        <row r="4424">
          <cell r="C4424">
            <v>1.069</v>
          </cell>
          <cell r="AT4424">
            <v>2010</v>
          </cell>
          <cell r="AU4424">
            <v>2</v>
          </cell>
        </row>
        <row r="4425">
          <cell r="C4425">
            <v>1.0670999999999999</v>
          </cell>
          <cell r="AT4425">
            <v>2010</v>
          </cell>
          <cell r="AU4425">
            <v>2</v>
          </cell>
        </row>
        <row r="4426">
          <cell r="C4426">
            <v>1.0523</v>
          </cell>
          <cell r="AT4426">
            <v>2010</v>
          </cell>
          <cell r="AU4426">
            <v>2</v>
          </cell>
        </row>
        <row r="4427">
          <cell r="C4427">
            <v>1.0530999999999999</v>
          </cell>
          <cell r="AT4427">
            <v>2010</v>
          </cell>
          <cell r="AU4427">
            <v>2</v>
          </cell>
        </row>
        <row r="4428">
          <cell r="C4428">
            <v>1.0530999999999999</v>
          </cell>
          <cell r="AT4428">
            <v>2010</v>
          </cell>
          <cell r="AU4428">
            <v>2</v>
          </cell>
        </row>
        <row r="4429">
          <cell r="C4429">
            <v>1.0530999999999999</v>
          </cell>
          <cell r="AT4429">
            <v>2010</v>
          </cell>
          <cell r="AU4429">
            <v>2</v>
          </cell>
        </row>
        <row r="4430">
          <cell r="C4430">
            <v>1.0530999999999999</v>
          </cell>
          <cell r="AT4430">
            <v>2010</v>
          </cell>
          <cell r="AU4430">
            <v>2</v>
          </cell>
        </row>
        <row r="4431">
          <cell r="C4431">
            <v>1.0426</v>
          </cell>
          <cell r="AT4431">
            <v>2010</v>
          </cell>
          <cell r="AU4431">
            <v>2</v>
          </cell>
        </row>
        <row r="4432">
          <cell r="C4432">
            <v>1.0455000000000001</v>
          </cell>
          <cell r="AT4432">
            <v>2010</v>
          </cell>
          <cell r="AU4432">
            <v>2</v>
          </cell>
        </row>
        <row r="4433">
          <cell r="C4433">
            <v>1.0451999999999999</v>
          </cell>
          <cell r="AT4433">
            <v>2010</v>
          </cell>
          <cell r="AU4433">
            <v>2</v>
          </cell>
        </row>
        <row r="4434">
          <cell r="C4434">
            <v>1.042</v>
          </cell>
          <cell r="AT4434">
            <v>2010</v>
          </cell>
          <cell r="AU4434">
            <v>2</v>
          </cell>
        </row>
        <row r="4435">
          <cell r="C4435">
            <v>1.042</v>
          </cell>
          <cell r="AT4435">
            <v>2010</v>
          </cell>
          <cell r="AU4435">
            <v>2</v>
          </cell>
        </row>
        <row r="4436">
          <cell r="C4436">
            <v>1.042</v>
          </cell>
          <cell r="AT4436">
            <v>2010</v>
          </cell>
          <cell r="AU4436">
            <v>2</v>
          </cell>
        </row>
        <row r="4437">
          <cell r="C4437">
            <v>1.0427999999999999</v>
          </cell>
          <cell r="AT4437">
            <v>2010</v>
          </cell>
          <cell r="AU4437">
            <v>2</v>
          </cell>
        </row>
        <row r="4438">
          <cell r="C4438">
            <v>1.0517000000000001</v>
          </cell>
          <cell r="AT4438">
            <v>2010</v>
          </cell>
          <cell r="AU4438">
            <v>2</v>
          </cell>
        </row>
        <row r="4439">
          <cell r="C4439">
            <v>1.0549999999999999</v>
          </cell>
          <cell r="AT4439">
            <v>2010</v>
          </cell>
          <cell r="AU4439">
            <v>2</v>
          </cell>
        </row>
        <row r="4440">
          <cell r="C4440">
            <v>1.0674999999999999</v>
          </cell>
          <cell r="AT4440">
            <v>2010</v>
          </cell>
          <cell r="AU4440">
            <v>2</v>
          </cell>
        </row>
        <row r="4441">
          <cell r="C4441">
            <v>1.0526</v>
          </cell>
          <cell r="AT4441">
            <v>2010</v>
          </cell>
          <cell r="AU4441">
            <v>2</v>
          </cell>
        </row>
        <row r="4442">
          <cell r="C4442">
            <v>1.0526</v>
          </cell>
          <cell r="AT4442">
            <v>2010</v>
          </cell>
          <cell r="AU4442">
            <v>2</v>
          </cell>
        </row>
        <row r="4443">
          <cell r="C4443">
            <v>1.0526</v>
          </cell>
          <cell r="AT4443">
            <v>2010</v>
          </cell>
          <cell r="AU4443">
            <v>3</v>
          </cell>
        </row>
        <row r="4444">
          <cell r="C4444">
            <v>1.0421</v>
          </cell>
          <cell r="AT4444">
            <v>2010</v>
          </cell>
          <cell r="AU4444">
            <v>3</v>
          </cell>
        </row>
        <row r="4445">
          <cell r="C4445">
            <v>1.0286999999999999</v>
          </cell>
          <cell r="AT4445">
            <v>2010</v>
          </cell>
          <cell r="AU4445">
            <v>3</v>
          </cell>
        </row>
        <row r="4446">
          <cell r="C4446">
            <v>1.0286999999999999</v>
          </cell>
          <cell r="AT4446">
            <v>2010</v>
          </cell>
          <cell r="AU4446">
            <v>3</v>
          </cell>
        </row>
        <row r="4447">
          <cell r="C4447">
            <v>1.0308999999999999</v>
          </cell>
          <cell r="AT4447">
            <v>2010</v>
          </cell>
          <cell r="AU4447">
            <v>3</v>
          </cell>
        </row>
        <row r="4448">
          <cell r="C4448">
            <v>1.0286</v>
          </cell>
          <cell r="AT4448">
            <v>2010</v>
          </cell>
          <cell r="AU4448">
            <v>3</v>
          </cell>
        </row>
        <row r="4449">
          <cell r="C4449">
            <v>1.0286</v>
          </cell>
          <cell r="AT4449">
            <v>2010</v>
          </cell>
          <cell r="AU4449">
            <v>3</v>
          </cell>
        </row>
        <row r="4450">
          <cell r="C4450">
            <v>1.0286</v>
          </cell>
          <cell r="AT4450">
            <v>2010</v>
          </cell>
          <cell r="AU4450">
            <v>3</v>
          </cell>
        </row>
        <row r="4451">
          <cell r="C4451">
            <v>1.0286</v>
          </cell>
          <cell r="AT4451">
            <v>2010</v>
          </cell>
          <cell r="AU4451">
            <v>3</v>
          </cell>
        </row>
        <row r="4452">
          <cell r="C4452">
            <v>1.0250999999999999</v>
          </cell>
          <cell r="AT4452">
            <v>2010</v>
          </cell>
          <cell r="AU4452">
            <v>3</v>
          </cell>
        </row>
        <row r="4453">
          <cell r="C4453">
            <v>1.0243</v>
          </cell>
          <cell r="AT4453">
            <v>2010</v>
          </cell>
          <cell r="AU4453">
            <v>3</v>
          </cell>
        </row>
        <row r="4454">
          <cell r="C4454">
            <v>1.0265</v>
          </cell>
          <cell r="AT4454">
            <v>2010</v>
          </cell>
          <cell r="AU4454">
            <v>3</v>
          </cell>
        </row>
        <row r="4455">
          <cell r="C4455">
            <v>1.0186999999999999</v>
          </cell>
          <cell r="AT4455">
            <v>2010</v>
          </cell>
          <cell r="AU4455">
            <v>3</v>
          </cell>
        </row>
        <row r="4456">
          <cell r="C4456">
            <v>1.0186999999999999</v>
          </cell>
          <cell r="AT4456">
            <v>2010</v>
          </cell>
          <cell r="AU4456">
            <v>3</v>
          </cell>
        </row>
        <row r="4457">
          <cell r="C4457">
            <v>1.0186999999999999</v>
          </cell>
          <cell r="AT4457">
            <v>2010</v>
          </cell>
          <cell r="AU4457">
            <v>3</v>
          </cell>
        </row>
        <row r="4458">
          <cell r="C4458">
            <v>1.0217000000000001</v>
          </cell>
          <cell r="AT4458">
            <v>2010</v>
          </cell>
          <cell r="AU4458">
            <v>3</v>
          </cell>
        </row>
        <row r="4459">
          <cell r="C4459">
            <v>1.0147999999999999</v>
          </cell>
          <cell r="AT4459">
            <v>2010</v>
          </cell>
          <cell r="AU4459">
            <v>3</v>
          </cell>
        </row>
        <row r="4460">
          <cell r="C4460">
            <v>1.0113000000000001</v>
          </cell>
          <cell r="AT4460">
            <v>2010</v>
          </cell>
          <cell r="AU4460">
            <v>3</v>
          </cell>
        </row>
        <row r="4461">
          <cell r="C4461">
            <v>1.0139</v>
          </cell>
          <cell r="AT4461">
            <v>2010</v>
          </cell>
          <cell r="AU4461">
            <v>3</v>
          </cell>
        </row>
        <row r="4462">
          <cell r="C4462">
            <v>1.0155000000000001</v>
          </cell>
          <cell r="AT4462">
            <v>2010</v>
          </cell>
          <cell r="AU4462">
            <v>3</v>
          </cell>
        </row>
        <row r="4463">
          <cell r="C4463">
            <v>1.0155000000000001</v>
          </cell>
          <cell r="AT4463">
            <v>2010</v>
          </cell>
          <cell r="AU4463">
            <v>3</v>
          </cell>
        </row>
        <row r="4464">
          <cell r="C4464">
            <v>1.0155000000000001</v>
          </cell>
          <cell r="AT4464">
            <v>2010</v>
          </cell>
          <cell r="AU4464">
            <v>3</v>
          </cell>
        </row>
        <row r="4465">
          <cell r="C4465">
            <v>1.0193000000000001</v>
          </cell>
          <cell r="AT4465">
            <v>2010</v>
          </cell>
          <cell r="AU4465">
            <v>3</v>
          </cell>
        </row>
        <row r="4466">
          <cell r="C4466">
            <v>1.0178</v>
          </cell>
          <cell r="AT4466">
            <v>2010</v>
          </cell>
          <cell r="AU4466">
            <v>3</v>
          </cell>
        </row>
        <row r="4467">
          <cell r="C4467">
            <v>1.0266999999999999</v>
          </cell>
          <cell r="AT4467">
            <v>2010</v>
          </cell>
          <cell r="AU4467">
            <v>3</v>
          </cell>
        </row>
        <row r="4468">
          <cell r="C4468">
            <v>1.0187999999999999</v>
          </cell>
          <cell r="AT4468">
            <v>2010</v>
          </cell>
          <cell r="AU4468">
            <v>3</v>
          </cell>
        </row>
        <row r="4469">
          <cell r="C4469">
            <v>1.0285</v>
          </cell>
          <cell r="AT4469">
            <v>2010</v>
          </cell>
          <cell r="AU4469">
            <v>3</v>
          </cell>
        </row>
        <row r="4470">
          <cell r="C4470">
            <v>1.0285</v>
          </cell>
          <cell r="AT4470">
            <v>2010</v>
          </cell>
          <cell r="AU4470">
            <v>3</v>
          </cell>
        </row>
        <row r="4471">
          <cell r="C4471">
            <v>1.0285</v>
          </cell>
          <cell r="AT4471">
            <v>2010</v>
          </cell>
          <cell r="AU4471">
            <v>3</v>
          </cell>
        </row>
        <row r="4472">
          <cell r="C4472">
            <v>1.0203</v>
          </cell>
          <cell r="AT4472">
            <v>2010</v>
          </cell>
          <cell r="AU4472">
            <v>3</v>
          </cell>
        </row>
        <row r="4473">
          <cell r="C4473">
            <v>1.0187999999999999</v>
          </cell>
          <cell r="AT4473">
            <v>2010</v>
          </cell>
          <cell r="AU4473">
            <v>3</v>
          </cell>
        </row>
        <row r="4474">
          <cell r="C4474">
            <v>1.0156000000000001</v>
          </cell>
          <cell r="AT4474">
            <v>2010</v>
          </cell>
          <cell r="AU4474">
            <v>4</v>
          </cell>
        </row>
        <row r="4475">
          <cell r="C4475">
            <v>1.0075000000000001</v>
          </cell>
          <cell r="AT4475">
            <v>2010</v>
          </cell>
          <cell r="AU4475">
            <v>4</v>
          </cell>
        </row>
        <row r="4476">
          <cell r="C4476">
            <v>1.0075000000000001</v>
          </cell>
          <cell r="AT4476">
            <v>2010</v>
          </cell>
          <cell r="AU4476">
            <v>4</v>
          </cell>
        </row>
        <row r="4477">
          <cell r="C4477">
            <v>1.0075000000000001</v>
          </cell>
          <cell r="AT4477">
            <v>2010</v>
          </cell>
          <cell r="AU4477">
            <v>4</v>
          </cell>
        </row>
        <row r="4478">
          <cell r="C4478">
            <v>1.0075000000000001</v>
          </cell>
          <cell r="AT4478">
            <v>2010</v>
          </cell>
          <cell r="AU4478">
            <v>4</v>
          </cell>
        </row>
        <row r="4479">
          <cell r="C4479">
            <v>1.0024999999999999</v>
          </cell>
          <cell r="AT4479">
            <v>2010</v>
          </cell>
          <cell r="AU4479">
            <v>4</v>
          </cell>
        </row>
        <row r="4480">
          <cell r="C4480">
            <v>1.0001</v>
          </cell>
          <cell r="AT4480">
            <v>2010</v>
          </cell>
          <cell r="AU4480">
            <v>4</v>
          </cell>
        </row>
        <row r="4481">
          <cell r="C4481">
            <v>1.0029999999999999</v>
          </cell>
          <cell r="AT4481">
            <v>2010</v>
          </cell>
          <cell r="AU4481">
            <v>4</v>
          </cell>
        </row>
        <row r="4482">
          <cell r="C4482">
            <v>1.002</v>
          </cell>
          <cell r="AT4482">
            <v>2010</v>
          </cell>
          <cell r="AU4482">
            <v>4</v>
          </cell>
        </row>
        <row r="4483">
          <cell r="C4483">
            <v>1.0055000000000001</v>
          </cell>
          <cell r="AT4483">
            <v>2010</v>
          </cell>
          <cell r="AU4483">
            <v>4</v>
          </cell>
        </row>
        <row r="4484">
          <cell r="C4484">
            <v>1.0055000000000001</v>
          </cell>
          <cell r="AT4484">
            <v>2010</v>
          </cell>
          <cell r="AU4484">
            <v>4</v>
          </cell>
        </row>
        <row r="4485">
          <cell r="C4485">
            <v>1.0055000000000001</v>
          </cell>
          <cell r="AT4485">
            <v>2010</v>
          </cell>
          <cell r="AU4485">
            <v>4</v>
          </cell>
        </row>
        <row r="4486">
          <cell r="C4486">
            <v>1.0015000000000001</v>
          </cell>
          <cell r="AT4486">
            <v>2010</v>
          </cell>
          <cell r="AU4486">
            <v>4</v>
          </cell>
        </row>
        <row r="4487">
          <cell r="C4487">
            <v>1.0027999999999999</v>
          </cell>
          <cell r="AT4487">
            <v>2010</v>
          </cell>
          <cell r="AU4487">
            <v>4</v>
          </cell>
        </row>
        <row r="4488">
          <cell r="C4488">
            <v>0.99609999999999999</v>
          </cell>
          <cell r="AT4488">
            <v>2010</v>
          </cell>
          <cell r="AU4488">
            <v>4</v>
          </cell>
        </row>
        <row r="4489">
          <cell r="C4489">
            <v>1.0014000000000001</v>
          </cell>
          <cell r="AT4489">
            <v>2010</v>
          </cell>
          <cell r="AU4489">
            <v>4</v>
          </cell>
        </row>
        <row r="4490">
          <cell r="C4490">
            <v>1.0147999999999999</v>
          </cell>
          <cell r="AT4490">
            <v>2010</v>
          </cell>
          <cell r="AU4490">
            <v>4</v>
          </cell>
        </row>
        <row r="4491">
          <cell r="C4491">
            <v>1.0147999999999999</v>
          </cell>
          <cell r="AT4491">
            <v>2010</v>
          </cell>
          <cell r="AU4491">
            <v>4</v>
          </cell>
        </row>
        <row r="4492">
          <cell r="C4492">
            <v>1.0147999999999999</v>
          </cell>
          <cell r="AT4492">
            <v>2010</v>
          </cell>
          <cell r="AU4492">
            <v>4</v>
          </cell>
        </row>
        <row r="4493">
          <cell r="C4493">
            <v>1.0201</v>
          </cell>
          <cell r="AT4493">
            <v>2010</v>
          </cell>
          <cell r="AU4493">
            <v>4</v>
          </cell>
        </row>
        <row r="4494">
          <cell r="C4494">
            <v>0.99860000000000004</v>
          </cell>
          <cell r="AT4494">
            <v>2010</v>
          </cell>
          <cell r="AU4494">
            <v>4</v>
          </cell>
        </row>
        <row r="4495">
          <cell r="C4495">
            <v>0.99839999999999995</v>
          </cell>
          <cell r="AT4495">
            <v>2010</v>
          </cell>
          <cell r="AU4495">
            <v>4</v>
          </cell>
        </row>
        <row r="4496">
          <cell r="C4496">
            <v>1.0013000000000001</v>
          </cell>
          <cell r="AT4496">
            <v>2010</v>
          </cell>
          <cell r="AU4496">
            <v>4</v>
          </cell>
        </row>
        <row r="4497">
          <cell r="C4497">
            <v>1.0026999999999999</v>
          </cell>
          <cell r="AT4497">
            <v>2010</v>
          </cell>
          <cell r="AU4497">
            <v>4</v>
          </cell>
        </row>
        <row r="4498">
          <cell r="C4498">
            <v>1.0026999999999999</v>
          </cell>
          <cell r="AT4498">
            <v>2010</v>
          </cell>
          <cell r="AU4498">
            <v>4</v>
          </cell>
        </row>
        <row r="4499">
          <cell r="C4499">
            <v>1.0026999999999999</v>
          </cell>
          <cell r="AT4499">
            <v>2010</v>
          </cell>
          <cell r="AU4499">
            <v>4</v>
          </cell>
        </row>
        <row r="4500">
          <cell r="C4500">
            <v>1.0008999999999999</v>
          </cell>
          <cell r="AT4500">
            <v>2010</v>
          </cell>
          <cell r="AU4500">
            <v>4</v>
          </cell>
        </row>
        <row r="4501">
          <cell r="C4501">
            <v>1.0173000000000001</v>
          </cell>
          <cell r="AT4501">
            <v>2010</v>
          </cell>
          <cell r="AU4501">
            <v>4</v>
          </cell>
        </row>
        <row r="4502">
          <cell r="C4502">
            <v>1.0127999999999999</v>
          </cell>
          <cell r="AT4502">
            <v>2010</v>
          </cell>
          <cell r="AU4502">
            <v>4</v>
          </cell>
        </row>
        <row r="4503">
          <cell r="C4503">
            <v>1.0054000000000001</v>
          </cell>
          <cell r="AT4503">
            <v>2010</v>
          </cell>
          <cell r="AU4503">
            <v>4</v>
          </cell>
        </row>
        <row r="4504">
          <cell r="C4504">
            <v>1.0116000000000001</v>
          </cell>
          <cell r="AT4504">
            <v>2010</v>
          </cell>
          <cell r="AU4504">
            <v>5</v>
          </cell>
        </row>
        <row r="4505">
          <cell r="C4505">
            <v>1.0116000000000001</v>
          </cell>
          <cell r="AT4505">
            <v>2010</v>
          </cell>
          <cell r="AU4505">
            <v>5</v>
          </cell>
        </row>
        <row r="4506">
          <cell r="C4506">
            <v>1.0116000000000001</v>
          </cell>
          <cell r="AT4506">
            <v>2010</v>
          </cell>
          <cell r="AU4506">
            <v>5</v>
          </cell>
        </row>
        <row r="4507">
          <cell r="C4507">
            <v>1.0134000000000001</v>
          </cell>
          <cell r="AT4507">
            <v>2010</v>
          </cell>
          <cell r="AU4507">
            <v>5</v>
          </cell>
        </row>
        <row r="4508">
          <cell r="C4508">
            <v>1.0216000000000001</v>
          </cell>
          <cell r="AT4508">
            <v>2010</v>
          </cell>
          <cell r="AU4508">
            <v>5</v>
          </cell>
        </row>
        <row r="4509">
          <cell r="C4509">
            <v>1.0266</v>
          </cell>
          <cell r="AT4509">
            <v>2010</v>
          </cell>
          <cell r="AU4509">
            <v>5</v>
          </cell>
        </row>
        <row r="4510">
          <cell r="C4510">
            <v>1.0437000000000001</v>
          </cell>
          <cell r="AT4510">
            <v>2010</v>
          </cell>
          <cell r="AU4510">
            <v>5</v>
          </cell>
        </row>
        <row r="4511">
          <cell r="C4511">
            <v>1.0430999999999999</v>
          </cell>
          <cell r="AT4511">
            <v>2010</v>
          </cell>
          <cell r="AU4511">
            <v>5</v>
          </cell>
        </row>
        <row r="4512">
          <cell r="C4512">
            <v>1.0430999999999999</v>
          </cell>
          <cell r="AT4512">
            <v>2010</v>
          </cell>
          <cell r="AU4512">
            <v>5</v>
          </cell>
        </row>
        <row r="4513">
          <cell r="C4513">
            <v>1.0430999999999999</v>
          </cell>
          <cell r="AT4513">
            <v>2010</v>
          </cell>
          <cell r="AU4513">
            <v>5</v>
          </cell>
        </row>
        <row r="4514">
          <cell r="C4514">
            <v>1.0246</v>
          </cell>
          <cell r="AT4514">
            <v>2010</v>
          </cell>
          <cell r="AU4514">
            <v>5</v>
          </cell>
        </row>
        <row r="4515">
          <cell r="C4515">
            <v>1.0195000000000001</v>
          </cell>
          <cell r="AT4515">
            <v>2010</v>
          </cell>
          <cell r="AU4515">
            <v>5</v>
          </cell>
        </row>
        <row r="4516">
          <cell r="C4516">
            <v>1.0201</v>
          </cell>
          <cell r="AT4516">
            <v>2010</v>
          </cell>
          <cell r="AU4516">
            <v>5</v>
          </cell>
        </row>
        <row r="4517">
          <cell r="C4517">
            <v>1.0148999999999999</v>
          </cell>
          <cell r="AT4517">
            <v>2010</v>
          </cell>
          <cell r="AU4517">
            <v>5</v>
          </cell>
        </row>
        <row r="4518">
          <cell r="C4518">
            <v>1.0344</v>
          </cell>
          <cell r="AT4518">
            <v>2010</v>
          </cell>
          <cell r="AU4518">
            <v>5</v>
          </cell>
        </row>
        <row r="4519">
          <cell r="C4519">
            <v>1.0344</v>
          </cell>
          <cell r="AT4519">
            <v>2010</v>
          </cell>
          <cell r="AU4519">
            <v>5</v>
          </cell>
        </row>
        <row r="4520">
          <cell r="C4520">
            <v>1.0344</v>
          </cell>
          <cell r="AT4520">
            <v>2010</v>
          </cell>
          <cell r="AU4520">
            <v>5</v>
          </cell>
        </row>
        <row r="4521">
          <cell r="C4521">
            <v>1.0405</v>
          </cell>
          <cell r="AT4521">
            <v>2010</v>
          </cell>
          <cell r="AU4521">
            <v>5</v>
          </cell>
        </row>
        <row r="4522">
          <cell r="C4522">
            <v>1.0329999999999999</v>
          </cell>
          <cell r="AT4522">
            <v>2010</v>
          </cell>
          <cell r="AU4522">
            <v>5</v>
          </cell>
        </row>
        <row r="4523">
          <cell r="C4523">
            <v>1.0515000000000001</v>
          </cell>
          <cell r="AT4523">
            <v>2010</v>
          </cell>
          <cell r="AU4523">
            <v>5</v>
          </cell>
        </row>
        <row r="4524">
          <cell r="C4524">
            <v>1.0659000000000001</v>
          </cell>
          <cell r="AT4524">
            <v>2010</v>
          </cell>
          <cell r="AU4524">
            <v>5</v>
          </cell>
        </row>
        <row r="4525">
          <cell r="C4525">
            <v>1.0569999999999999</v>
          </cell>
          <cell r="AT4525">
            <v>2010</v>
          </cell>
          <cell r="AU4525">
            <v>5</v>
          </cell>
        </row>
        <row r="4526">
          <cell r="C4526">
            <v>1.0569999999999999</v>
          </cell>
          <cell r="AT4526">
            <v>2010</v>
          </cell>
          <cell r="AU4526">
            <v>5</v>
          </cell>
        </row>
        <row r="4527">
          <cell r="C4527">
            <v>1.0569999999999999</v>
          </cell>
          <cell r="AT4527">
            <v>2010</v>
          </cell>
          <cell r="AU4527">
            <v>5</v>
          </cell>
        </row>
        <row r="4528">
          <cell r="C4528">
            <v>1.0569999999999999</v>
          </cell>
          <cell r="AT4528">
            <v>2010</v>
          </cell>
          <cell r="AU4528">
            <v>5</v>
          </cell>
        </row>
        <row r="4529">
          <cell r="C4529">
            <v>1.0778000000000001</v>
          </cell>
          <cell r="AT4529">
            <v>2010</v>
          </cell>
          <cell r="AU4529">
            <v>5</v>
          </cell>
        </row>
        <row r="4530">
          <cell r="C4530">
            <v>1.0650999999999999</v>
          </cell>
          <cell r="AT4530">
            <v>2010</v>
          </cell>
          <cell r="AU4530">
            <v>5</v>
          </cell>
        </row>
        <row r="4531">
          <cell r="C4531">
            <v>1.0496000000000001</v>
          </cell>
          <cell r="AT4531">
            <v>2010</v>
          </cell>
          <cell r="AU4531">
            <v>5</v>
          </cell>
        </row>
        <row r="4532">
          <cell r="C4532">
            <v>1.0499000000000001</v>
          </cell>
          <cell r="AT4532">
            <v>2010</v>
          </cell>
          <cell r="AU4532">
            <v>5</v>
          </cell>
        </row>
        <row r="4533">
          <cell r="C4533">
            <v>1.0499000000000001</v>
          </cell>
          <cell r="AT4533">
            <v>2010</v>
          </cell>
          <cell r="AU4533">
            <v>5</v>
          </cell>
        </row>
        <row r="4534">
          <cell r="C4534">
            <v>1.0499000000000001</v>
          </cell>
          <cell r="AT4534">
            <v>2010</v>
          </cell>
          <cell r="AU4534">
            <v>5</v>
          </cell>
        </row>
        <row r="4535">
          <cell r="C4535">
            <v>1.0499000000000001</v>
          </cell>
          <cell r="AT4535">
            <v>2010</v>
          </cell>
          <cell r="AU4535">
            <v>6</v>
          </cell>
        </row>
        <row r="4536">
          <cell r="C4536">
            <v>1.0479000000000001</v>
          </cell>
          <cell r="AT4536">
            <v>2010</v>
          </cell>
          <cell r="AU4536">
            <v>6</v>
          </cell>
        </row>
        <row r="4537">
          <cell r="C4537">
            <v>1.0404</v>
          </cell>
          <cell r="AT4537">
            <v>2010</v>
          </cell>
          <cell r="AU4537">
            <v>6</v>
          </cell>
        </row>
        <row r="4538">
          <cell r="C4538">
            <v>1.0416000000000001</v>
          </cell>
          <cell r="AT4538">
            <v>2010</v>
          </cell>
          <cell r="AU4538">
            <v>6</v>
          </cell>
        </row>
        <row r="4539">
          <cell r="C4539">
            <v>1.0516000000000001</v>
          </cell>
          <cell r="AT4539">
            <v>2010</v>
          </cell>
          <cell r="AU4539">
            <v>6</v>
          </cell>
        </row>
        <row r="4540">
          <cell r="C4540">
            <v>1.0516000000000001</v>
          </cell>
          <cell r="AT4540">
            <v>2010</v>
          </cell>
          <cell r="AU4540">
            <v>6</v>
          </cell>
        </row>
        <row r="4541">
          <cell r="C4541">
            <v>1.0516000000000001</v>
          </cell>
          <cell r="AT4541">
            <v>2010</v>
          </cell>
          <cell r="AU4541">
            <v>6</v>
          </cell>
        </row>
        <row r="4542">
          <cell r="C4542">
            <v>1.054</v>
          </cell>
          <cell r="AT4542">
            <v>2010</v>
          </cell>
          <cell r="AU4542">
            <v>6</v>
          </cell>
        </row>
        <row r="4543">
          <cell r="C4543">
            <v>1.0518000000000001</v>
          </cell>
          <cell r="AT4543">
            <v>2010</v>
          </cell>
          <cell r="AU4543">
            <v>6</v>
          </cell>
        </row>
        <row r="4544">
          <cell r="C4544">
            <v>1.0395000000000001</v>
          </cell>
          <cell r="AT4544">
            <v>2010</v>
          </cell>
          <cell r="AU4544">
            <v>6</v>
          </cell>
        </row>
        <row r="4545">
          <cell r="C4545">
            <v>1.0337000000000001</v>
          </cell>
          <cell r="AT4545">
            <v>2010</v>
          </cell>
          <cell r="AU4545">
            <v>6</v>
          </cell>
        </row>
        <row r="4546">
          <cell r="C4546">
            <v>1.0333000000000001</v>
          </cell>
          <cell r="AT4546">
            <v>2010</v>
          </cell>
          <cell r="AU4546">
            <v>6</v>
          </cell>
        </row>
        <row r="4547">
          <cell r="C4547">
            <v>1.0333000000000001</v>
          </cell>
          <cell r="AT4547">
            <v>2010</v>
          </cell>
          <cell r="AU4547">
            <v>6</v>
          </cell>
        </row>
        <row r="4548">
          <cell r="C4548">
            <v>1.0333000000000001</v>
          </cell>
          <cell r="AT4548">
            <v>2010</v>
          </cell>
          <cell r="AU4548">
            <v>6</v>
          </cell>
        </row>
        <row r="4549">
          <cell r="C4549">
            <v>1.0253000000000001</v>
          </cell>
          <cell r="AT4549">
            <v>2010</v>
          </cell>
          <cell r="AU4549">
            <v>6</v>
          </cell>
        </row>
        <row r="4550">
          <cell r="C4550">
            <v>1.0287999999999999</v>
          </cell>
          <cell r="AT4550">
            <v>2010</v>
          </cell>
          <cell r="AU4550">
            <v>6</v>
          </cell>
        </row>
        <row r="4551">
          <cell r="C4551">
            <v>1.0236000000000001</v>
          </cell>
          <cell r="AT4551">
            <v>2010</v>
          </cell>
          <cell r="AU4551">
            <v>6</v>
          </cell>
        </row>
        <row r="4552">
          <cell r="C4552">
            <v>1.0284</v>
          </cell>
          <cell r="AT4552">
            <v>2010</v>
          </cell>
          <cell r="AU4552">
            <v>6</v>
          </cell>
        </row>
        <row r="4553">
          <cell r="C4553">
            <v>1.0238</v>
          </cell>
          <cell r="AT4553">
            <v>2010</v>
          </cell>
          <cell r="AU4553">
            <v>6</v>
          </cell>
        </row>
        <row r="4554">
          <cell r="C4554">
            <v>1.0238</v>
          </cell>
          <cell r="AT4554">
            <v>2010</v>
          </cell>
          <cell r="AU4554">
            <v>6</v>
          </cell>
        </row>
        <row r="4555">
          <cell r="C4555">
            <v>1.0238</v>
          </cell>
          <cell r="AT4555">
            <v>2010</v>
          </cell>
          <cell r="AU4555">
            <v>6</v>
          </cell>
        </row>
        <row r="4556">
          <cell r="C4556">
            <v>1.0199</v>
          </cell>
          <cell r="AT4556">
            <v>2010</v>
          </cell>
          <cell r="AU4556">
            <v>6</v>
          </cell>
        </row>
        <row r="4557">
          <cell r="C4557">
            <v>1.0201</v>
          </cell>
          <cell r="AT4557">
            <v>2010</v>
          </cell>
          <cell r="AU4557">
            <v>6</v>
          </cell>
        </row>
        <row r="4558">
          <cell r="C4558">
            <v>1.0434000000000001</v>
          </cell>
          <cell r="AT4558">
            <v>2010</v>
          </cell>
          <cell r="AU4558">
            <v>6</v>
          </cell>
        </row>
        <row r="4559">
          <cell r="C4559">
            <v>1.0431999999999999</v>
          </cell>
          <cell r="AT4559">
            <v>2010</v>
          </cell>
          <cell r="AU4559">
            <v>6</v>
          </cell>
        </row>
        <row r="4560">
          <cell r="C4560">
            <v>1.0369999999999999</v>
          </cell>
          <cell r="AT4560">
            <v>2010</v>
          </cell>
          <cell r="AU4560">
            <v>6</v>
          </cell>
        </row>
        <row r="4561">
          <cell r="C4561">
            <v>1.0369999999999999</v>
          </cell>
          <cell r="AT4561">
            <v>2010</v>
          </cell>
          <cell r="AU4561">
            <v>6</v>
          </cell>
        </row>
        <row r="4562">
          <cell r="C4562">
            <v>1.0369999999999999</v>
          </cell>
          <cell r="AT4562">
            <v>2010</v>
          </cell>
          <cell r="AU4562">
            <v>6</v>
          </cell>
        </row>
        <row r="4563">
          <cell r="C4563">
            <v>1.0337000000000001</v>
          </cell>
          <cell r="AT4563">
            <v>2010</v>
          </cell>
          <cell r="AU4563">
            <v>6</v>
          </cell>
        </row>
        <row r="4564">
          <cell r="C4564">
            <v>1.0528999999999999</v>
          </cell>
          <cell r="AT4564">
            <v>2010</v>
          </cell>
          <cell r="AU4564">
            <v>6</v>
          </cell>
        </row>
        <row r="4565">
          <cell r="C4565">
            <v>1.0606</v>
          </cell>
          <cell r="AT4565">
            <v>2010</v>
          </cell>
          <cell r="AU4565">
            <v>7</v>
          </cell>
        </row>
        <row r="4566">
          <cell r="C4566">
            <v>1.0606</v>
          </cell>
          <cell r="AT4566">
            <v>2010</v>
          </cell>
          <cell r="AU4566">
            <v>7</v>
          </cell>
        </row>
        <row r="4567">
          <cell r="C4567">
            <v>1.0649</v>
          </cell>
          <cell r="AT4567">
            <v>2010</v>
          </cell>
          <cell r="AU4567">
            <v>7</v>
          </cell>
        </row>
        <row r="4568">
          <cell r="C4568">
            <v>1.0649</v>
          </cell>
          <cell r="AT4568">
            <v>2010</v>
          </cell>
          <cell r="AU4568">
            <v>7</v>
          </cell>
        </row>
        <row r="4569">
          <cell r="C4569">
            <v>1.0649</v>
          </cell>
          <cell r="AT4569">
            <v>2010</v>
          </cell>
          <cell r="AU4569">
            <v>7</v>
          </cell>
        </row>
        <row r="4570">
          <cell r="C4570">
            <v>1.0649</v>
          </cell>
          <cell r="AT4570">
            <v>2010</v>
          </cell>
          <cell r="AU4570">
            <v>7</v>
          </cell>
        </row>
        <row r="4571">
          <cell r="C4571">
            <v>1.0498000000000001</v>
          </cell>
          <cell r="AT4571">
            <v>2010</v>
          </cell>
          <cell r="AU4571">
            <v>7</v>
          </cell>
        </row>
        <row r="4572">
          <cell r="C4572">
            <v>1.0527</v>
          </cell>
          <cell r="AT4572">
            <v>2010</v>
          </cell>
          <cell r="AU4572">
            <v>7</v>
          </cell>
        </row>
        <row r="4573">
          <cell r="C4573">
            <v>1.0446</v>
          </cell>
          <cell r="AT4573">
            <v>2010</v>
          </cell>
          <cell r="AU4573">
            <v>7</v>
          </cell>
        </row>
        <row r="4574">
          <cell r="C4574">
            <v>1.0327999999999999</v>
          </cell>
          <cell r="AT4574">
            <v>2010</v>
          </cell>
          <cell r="AU4574">
            <v>7</v>
          </cell>
        </row>
        <row r="4575">
          <cell r="C4575">
            <v>1.0327999999999999</v>
          </cell>
          <cell r="AT4575">
            <v>2010</v>
          </cell>
          <cell r="AU4575">
            <v>7</v>
          </cell>
        </row>
        <row r="4576">
          <cell r="C4576">
            <v>1.0327999999999999</v>
          </cell>
          <cell r="AT4576">
            <v>2010</v>
          </cell>
          <cell r="AU4576">
            <v>7</v>
          </cell>
        </row>
        <row r="4577">
          <cell r="C4577">
            <v>1.0379</v>
          </cell>
          <cell r="AT4577">
            <v>2010</v>
          </cell>
          <cell r="AU4577">
            <v>7</v>
          </cell>
        </row>
        <row r="4578">
          <cell r="C4578">
            <v>1.0284</v>
          </cell>
          <cell r="AT4578">
            <v>2010</v>
          </cell>
          <cell r="AU4578">
            <v>7</v>
          </cell>
        </row>
        <row r="4579">
          <cell r="C4579">
            <v>1.0306</v>
          </cell>
          <cell r="AT4579">
            <v>2010</v>
          </cell>
          <cell r="AU4579">
            <v>7</v>
          </cell>
        </row>
        <row r="4580">
          <cell r="C4580">
            <v>1.0403</v>
          </cell>
          <cell r="AT4580">
            <v>2010</v>
          </cell>
          <cell r="AU4580">
            <v>7</v>
          </cell>
        </row>
        <row r="4581">
          <cell r="C4581">
            <v>1.0537000000000001</v>
          </cell>
          <cell r="AT4581">
            <v>2010</v>
          </cell>
          <cell r="AU4581">
            <v>7</v>
          </cell>
        </row>
        <row r="4582">
          <cell r="C4582">
            <v>1.0537000000000001</v>
          </cell>
          <cell r="AT4582">
            <v>2010</v>
          </cell>
          <cell r="AU4582">
            <v>7</v>
          </cell>
        </row>
        <row r="4583">
          <cell r="C4583">
            <v>1.0537000000000001</v>
          </cell>
          <cell r="AT4583">
            <v>2010</v>
          </cell>
          <cell r="AU4583">
            <v>7</v>
          </cell>
        </row>
        <row r="4584">
          <cell r="C4584">
            <v>1.0559000000000001</v>
          </cell>
          <cell r="AT4584">
            <v>2010</v>
          </cell>
          <cell r="AU4584">
            <v>7</v>
          </cell>
        </row>
        <row r="4585">
          <cell r="C4585">
            <v>1.0526</v>
          </cell>
          <cell r="AT4585">
            <v>2010</v>
          </cell>
          <cell r="AU4585">
            <v>7</v>
          </cell>
        </row>
        <row r="4586">
          <cell r="C4586">
            <v>1.0427</v>
          </cell>
          <cell r="AT4586">
            <v>2010</v>
          </cell>
          <cell r="AU4586">
            <v>7</v>
          </cell>
        </row>
        <row r="4587">
          <cell r="C4587">
            <v>1.0376000000000001</v>
          </cell>
          <cell r="AT4587">
            <v>2010</v>
          </cell>
          <cell r="AU4587">
            <v>7</v>
          </cell>
        </row>
        <row r="4588">
          <cell r="C4588">
            <v>1.0373000000000001</v>
          </cell>
          <cell r="AT4588">
            <v>2010</v>
          </cell>
          <cell r="AU4588">
            <v>7</v>
          </cell>
        </row>
        <row r="4589">
          <cell r="C4589">
            <v>1.0373000000000001</v>
          </cell>
          <cell r="AT4589">
            <v>2010</v>
          </cell>
          <cell r="AU4589">
            <v>7</v>
          </cell>
        </row>
        <row r="4590">
          <cell r="C4590">
            <v>1.0373000000000001</v>
          </cell>
          <cell r="AT4590">
            <v>2010</v>
          </cell>
          <cell r="AU4590">
            <v>7</v>
          </cell>
        </row>
        <row r="4591">
          <cell r="C4591">
            <v>1.0311999999999999</v>
          </cell>
          <cell r="AT4591">
            <v>2010</v>
          </cell>
          <cell r="AU4591">
            <v>7</v>
          </cell>
        </row>
        <row r="4592">
          <cell r="C4592">
            <v>1.0357000000000001</v>
          </cell>
          <cell r="AT4592">
            <v>2010</v>
          </cell>
          <cell r="AU4592">
            <v>7</v>
          </cell>
        </row>
        <row r="4593">
          <cell r="C4593">
            <v>1.0357000000000001</v>
          </cell>
          <cell r="AT4593">
            <v>2010</v>
          </cell>
          <cell r="AU4593">
            <v>7</v>
          </cell>
        </row>
        <row r="4594">
          <cell r="C4594">
            <v>1.0369999999999999</v>
          </cell>
          <cell r="AT4594">
            <v>2010</v>
          </cell>
          <cell r="AU4594">
            <v>7</v>
          </cell>
        </row>
        <row r="4595">
          <cell r="C4595">
            <v>1.0289999999999999</v>
          </cell>
          <cell r="AT4595">
            <v>2010</v>
          </cell>
          <cell r="AU4595">
            <v>7</v>
          </cell>
        </row>
        <row r="4596">
          <cell r="C4596">
            <v>1.0289999999999999</v>
          </cell>
          <cell r="AT4596">
            <v>2010</v>
          </cell>
          <cell r="AU4596">
            <v>8</v>
          </cell>
        </row>
        <row r="4597">
          <cell r="C4597">
            <v>1.0289999999999999</v>
          </cell>
          <cell r="AT4597">
            <v>2010</v>
          </cell>
          <cell r="AU4597">
            <v>8</v>
          </cell>
        </row>
        <row r="4598">
          <cell r="C4598">
            <v>1.0289999999999999</v>
          </cell>
          <cell r="AT4598">
            <v>2010</v>
          </cell>
          <cell r="AU4598">
            <v>8</v>
          </cell>
        </row>
        <row r="4599">
          <cell r="C4599">
            <v>1.0225</v>
          </cell>
          <cell r="AT4599">
            <v>2010</v>
          </cell>
          <cell r="AU4599">
            <v>8</v>
          </cell>
        </row>
        <row r="4600">
          <cell r="C4600">
            <v>1.0185</v>
          </cell>
          <cell r="AT4600">
            <v>2010</v>
          </cell>
          <cell r="AU4600">
            <v>8</v>
          </cell>
        </row>
        <row r="4601">
          <cell r="C4601">
            <v>1.0158</v>
          </cell>
          <cell r="AT4601">
            <v>2010</v>
          </cell>
          <cell r="AU4601">
            <v>8</v>
          </cell>
        </row>
        <row r="4602">
          <cell r="C4602">
            <v>1.0273000000000001</v>
          </cell>
          <cell r="AT4602">
            <v>2010</v>
          </cell>
          <cell r="AU4602">
            <v>8</v>
          </cell>
        </row>
        <row r="4603">
          <cell r="C4603">
            <v>1.0273000000000001</v>
          </cell>
          <cell r="AT4603">
            <v>2010</v>
          </cell>
          <cell r="AU4603">
            <v>8</v>
          </cell>
        </row>
        <row r="4604">
          <cell r="C4604">
            <v>1.0273000000000001</v>
          </cell>
          <cell r="AT4604">
            <v>2010</v>
          </cell>
          <cell r="AU4604">
            <v>8</v>
          </cell>
        </row>
        <row r="4605">
          <cell r="C4605">
            <v>1.0266</v>
          </cell>
          <cell r="AT4605">
            <v>2010</v>
          </cell>
          <cell r="AU4605">
            <v>8</v>
          </cell>
        </row>
        <row r="4606">
          <cell r="C4606">
            <v>1.0347999999999999</v>
          </cell>
          <cell r="AT4606">
            <v>2010</v>
          </cell>
          <cell r="AU4606">
            <v>8</v>
          </cell>
        </row>
        <row r="4607">
          <cell r="C4607">
            <v>1.0456000000000001</v>
          </cell>
          <cell r="AT4607">
            <v>2010</v>
          </cell>
          <cell r="AU4607">
            <v>8</v>
          </cell>
        </row>
        <row r="4608">
          <cell r="C4608">
            <v>1.0434000000000001</v>
          </cell>
          <cell r="AT4608">
            <v>2010</v>
          </cell>
          <cell r="AU4608">
            <v>8</v>
          </cell>
        </row>
        <row r="4609">
          <cell r="C4609">
            <v>1.0402</v>
          </cell>
          <cell r="AT4609">
            <v>2010</v>
          </cell>
          <cell r="AU4609">
            <v>8</v>
          </cell>
        </row>
        <row r="4610">
          <cell r="C4610">
            <v>1.0402</v>
          </cell>
          <cell r="AT4610">
            <v>2010</v>
          </cell>
          <cell r="AU4610">
            <v>8</v>
          </cell>
        </row>
        <row r="4611">
          <cell r="C4611">
            <v>1.0402</v>
          </cell>
          <cell r="AT4611">
            <v>2010</v>
          </cell>
          <cell r="AU4611">
            <v>8</v>
          </cell>
        </row>
        <row r="4612">
          <cell r="C4612">
            <v>1.0431999999999999</v>
          </cell>
          <cell r="AT4612">
            <v>2010</v>
          </cell>
          <cell r="AU4612">
            <v>8</v>
          </cell>
        </row>
        <row r="4613">
          <cell r="C4613">
            <v>1.0311999999999999</v>
          </cell>
          <cell r="AT4613">
            <v>2010</v>
          </cell>
          <cell r="AU4613">
            <v>8</v>
          </cell>
        </row>
        <row r="4614">
          <cell r="C4614">
            <v>1.0288999999999999</v>
          </cell>
          <cell r="AT4614">
            <v>2010</v>
          </cell>
          <cell r="AU4614">
            <v>8</v>
          </cell>
        </row>
        <row r="4615">
          <cell r="C4615">
            <v>1.0399</v>
          </cell>
          <cell r="AT4615">
            <v>2010</v>
          </cell>
          <cell r="AU4615">
            <v>8</v>
          </cell>
        </row>
        <row r="4616">
          <cell r="C4616">
            <v>1.05</v>
          </cell>
          <cell r="AT4616">
            <v>2010</v>
          </cell>
          <cell r="AU4616">
            <v>8</v>
          </cell>
        </row>
        <row r="4617">
          <cell r="C4617">
            <v>1.05</v>
          </cell>
          <cell r="AT4617">
            <v>2010</v>
          </cell>
          <cell r="AU4617">
            <v>8</v>
          </cell>
        </row>
        <row r="4618">
          <cell r="C4618">
            <v>1.05</v>
          </cell>
          <cell r="AT4618">
            <v>2010</v>
          </cell>
          <cell r="AU4618">
            <v>8</v>
          </cell>
        </row>
        <row r="4619">
          <cell r="C4619">
            <v>1.0513999999999999</v>
          </cell>
          <cell r="AT4619">
            <v>2010</v>
          </cell>
          <cell r="AU4619">
            <v>8</v>
          </cell>
        </row>
        <row r="4620">
          <cell r="C4620">
            <v>1.0563</v>
          </cell>
          <cell r="AT4620">
            <v>2010</v>
          </cell>
          <cell r="AU4620">
            <v>8</v>
          </cell>
        </row>
        <row r="4621">
          <cell r="C4621">
            <v>1.0642</v>
          </cell>
          <cell r="AT4621">
            <v>2010</v>
          </cell>
          <cell r="AU4621">
            <v>8</v>
          </cell>
        </row>
        <row r="4622">
          <cell r="C4622">
            <v>1.0546</v>
          </cell>
          <cell r="AT4622">
            <v>2010</v>
          </cell>
          <cell r="AU4622">
            <v>8</v>
          </cell>
        </row>
        <row r="4623">
          <cell r="C4623">
            <v>1.0546</v>
          </cell>
          <cell r="AT4623">
            <v>2010</v>
          </cell>
          <cell r="AU4623">
            <v>8</v>
          </cell>
        </row>
        <row r="4624">
          <cell r="C4624">
            <v>1.0546</v>
          </cell>
          <cell r="AT4624">
            <v>2010</v>
          </cell>
          <cell r="AU4624">
            <v>8</v>
          </cell>
        </row>
        <row r="4625">
          <cell r="C4625">
            <v>1.0546</v>
          </cell>
          <cell r="AT4625">
            <v>2010</v>
          </cell>
          <cell r="AU4625">
            <v>8</v>
          </cell>
        </row>
        <row r="4626">
          <cell r="C4626">
            <v>1.0562</v>
          </cell>
          <cell r="AT4626">
            <v>2010</v>
          </cell>
          <cell r="AU4626">
            <v>8</v>
          </cell>
        </row>
        <row r="4627">
          <cell r="C4627">
            <v>1.0639000000000001</v>
          </cell>
          <cell r="AT4627">
            <v>2010</v>
          </cell>
          <cell r="AU4627">
            <v>9</v>
          </cell>
        </row>
        <row r="4628">
          <cell r="C4628">
            <v>1.0497000000000001</v>
          </cell>
          <cell r="AT4628">
            <v>2010</v>
          </cell>
          <cell r="AU4628">
            <v>9</v>
          </cell>
        </row>
        <row r="4629">
          <cell r="C4629">
            <v>1.052</v>
          </cell>
          <cell r="AT4629">
            <v>2010</v>
          </cell>
          <cell r="AU4629">
            <v>9</v>
          </cell>
        </row>
        <row r="4630">
          <cell r="C4630">
            <v>1.0410999999999999</v>
          </cell>
          <cell r="AT4630">
            <v>2010</v>
          </cell>
          <cell r="AU4630">
            <v>9</v>
          </cell>
        </row>
        <row r="4631">
          <cell r="C4631">
            <v>1.0410999999999999</v>
          </cell>
          <cell r="AT4631">
            <v>2010</v>
          </cell>
          <cell r="AU4631">
            <v>9</v>
          </cell>
        </row>
        <row r="4632">
          <cell r="C4632">
            <v>1.0410999999999999</v>
          </cell>
          <cell r="AT4632">
            <v>2010</v>
          </cell>
          <cell r="AU4632">
            <v>9</v>
          </cell>
        </row>
        <row r="4633">
          <cell r="C4633">
            <v>1.0410999999999999</v>
          </cell>
          <cell r="AT4633">
            <v>2010</v>
          </cell>
          <cell r="AU4633">
            <v>9</v>
          </cell>
        </row>
        <row r="4634">
          <cell r="C4634">
            <v>1.0427</v>
          </cell>
          <cell r="AT4634">
            <v>2010</v>
          </cell>
          <cell r="AU4634">
            <v>9</v>
          </cell>
        </row>
        <row r="4635">
          <cell r="C4635">
            <v>1.0359</v>
          </cell>
          <cell r="AT4635">
            <v>2010</v>
          </cell>
          <cell r="AU4635">
            <v>9</v>
          </cell>
        </row>
        <row r="4636">
          <cell r="C4636">
            <v>1.0327999999999999</v>
          </cell>
          <cell r="AT4636">
            <v>2010</v>
          </cell>
          <cell r="AU4636">
            <v>9</v>
          </cell>
        </row>
        <row r="4637">
          <cell r="C4637">
            <v>1.0358000000000001</v>
          </cell>
          <cell r="AT4637">
            <v>2010</v>
          </cell>
          <cell r="AU4637">
            <v>9</v>
          </cell>
        </row>
        <row r="4638">
          <cell r="C4638">
            <v>1.0358000000000001</v>
          </cell>
          <cell r="AT4638">
            <v>2010</v>
          </cell>
          <cell r="AU4638">
            <v>9</v>
          </cell>
        </row>
        <row r="4639">
          <cell r="C4639">
            <v>1.0358000000000001</v>
          </cell>
          <cell r="AT4639">
            <v>2010</v>
          </cell>
          <cell r="AU4639">
            <v>9</v>
          </cell>
        </row>
        <row r="4640">
          <cell r="C4640">
            <v>1.0279</v>
          </cell>
          <cell r="AT4640">
            <v>2010</v>
          </cell>
          <cell r="AU4640">
            <v>9</v>
          </cell>
        </row>
        <row r="4641">
          <cell r="C4641">
            <v>1.0222</v>
          </cell>
          <cell r="AT4641">
            <v>2010</v>
          </cell>
          <cell r="AU4641">
            <v>9</v>
          </cell>
        </row>
        <row r="4642">
          <cell r="C4642">
            <v>1.0282</v>
          </cell>
          <cell r="AT4642">
            <v>2010</v>
          </cell>
          <cell r="AU4642">
            <v>9</v>
          </cell>
        </row>
        <row r="4643">
          <cell r="C4643">
            <v>1.0274000000000001</v>
          </cell>
          <cell r="AT4643">
            <v>2010</v>
          </cell>
          <cell r="AU4643">
            <v>9</v>
          </cell>
        </row>
        <row r="4644">
          <cell r="C4644">
            <v>1.0330999999999999</v>
          </cell>
          <cell r="AT4644">
            <v>2010</v>
          </cell>
          <cell r="AU4644">
            <v>9</v>
          </cell>
        </row>
        <row r="4645">
          <cell r="C4645">
            <v>1.0330999999999999</v>
          </cell>
          <cell r="AT4645">
            <v>2010</v>
          </cell>
          <cell r="AU4645">
            <v>9</v>
          </cell>
        </row>
        <row r="4646">
          <cell r="C4646">
            <v>1.0330999999999999</v>
          </cell>
          <cell r="AT4646">
            <v>2010</v>
          </cell>
          <cell r="AU4646">
            <v>9</v>
          </cell>
        </row>
        <row r="4647">
          <cell r="C4647">
            <v>1.0281</v>
          </cell>
          <cell r="AT4647">
            <v>2010</v>
          </cell>
          <cell r="AU4647">
            <v>9</v>
          </cell>
        </row>
        <row r="4648">
          <cell r="C4648">
            <v>1.0315000000000001</v>
          </cell>
          <cell r="AT4648">
            <v>2010</v>
          </cell>
          <cell r="AU4648">
            <v>9</v>
          </cell>
        </row>
        <row r="4649">
          <cell r="C4649">
            <v>1.0327</v>
          </cell>
          <cell r="AT4649">
            <v>2010</v>
          </cell>
          <cell r="AU4649">
            <v>9</v>
          </cell>
        </row>
        <row r="4650">
          <cell r="C4650">
            <v>1.0309999999999999</v>
          </cell>
          <cell r="AT4650">
            <v>2010</v>
          </cell>
          <cell r="AU4650">
            <v>9</v>
          </cell>
        </row>
        <row r="4651">
          <cell r="C4651">
            <v>1.0263</v>
          </cell>
          <cell r="AT4651">
            <v>2010</v>
          </cell>
          <cell r="AU4651">
            <v>9</v>
          </cell>
        </row>
        <row r="4652">
          <cell r="C4652">
            <v>1.0263</v>
          </cell>
          <cell r="AT4652">
            <v>2010</v>
          </cell>
          <cell r="AU4652">
            <v>9</v>
          </cell>
        </row>
        <row r="4653">
          <cell r="C4653">
            <v>1.0263</v>
          </cell>
          <cell r="AT4653">
            <v>2010</v>
          </cell>
          <cell r="AU4653">
            <v>9</v>
          </cell>
        </row>
        <row r="4654">
          <cell r="C4654">
            <v>1.026</v>
          </cell>
          <cell r="AT4654">
            <v>2010</v>
          </cell>
          <cell r="AU4654">
            <v>9</v>
          </cell>
        </row>
        <row r="4655">
          <cell r="C4655">
            <v>1.0306</v>
          </cell>
          <cell r="AT4655">
            <v>2010</v>
          </cell>
          <cell r="AU4655">
            <v>9</v>
          </cell>
        </row>
        <row r="4656">
          <cell r="C4656">
            <v>1.03</v>
          </cell>
          <cell r="AT4656">
            <v>2010</v>
          </cell>
          <cell r="AU4656">
            <v>9</v>
          </cell>
        </row>
        <row r="4657">
          <cell r="C4657">
            <v>1.0298</v>
          </cell>
          <cell r="AT4657">
            <v>2010</v>
          </cell>
          <cell r="AU4657">
            <v>10</v>
          </cell>
        </row>
        <row r="4658">
          <cell r="C4658">
            <v>1.0215000000000001</v>
          </cell>
          <cell r="AT4658">
            <v>2010</v>
          </cell>
          <cell r="AU4658">
            <v>10</v>
          </cell>
        </row>
        <row r="4659">
          <cell r="C4659">
            <v>1.0215000000000001</v>
          </cell>
          <cell r="AT4659">
            <v>2010</v>
          </cell>
          <cell r="AU4659">
            <v>10</v>
          </cell>
        </row>
        <row r="4660">
          <cell r="C4660">
            <v>1.0215000000000001</v>
          </cell>
          <cell r="AT4660">
            <v>2010</v>
          </cell>
          <cell r="AU4660">
            <v>10</v>
          </cell>
        </row>
        <row r="4661">
          <cell r="C4661">
            <v>1.0234000000000001</v>
          </cell>
          <cell r="AT4661">
            <v>2010</v>
          </cell>
          <cell r="AU4661">
            <v>10</v>
          </cell>
        </row>
        <row r="4662">
          <cell r="C4662">
            <v>1.0167999999999999</v>
          </cell>
          <cell r="AT4662">
            <v>2010</v>
          </cell>
          <cell r="AU4662">
            <v>10</v>
          </cell>
        </row>
        <row r="4663">
          <cell r="C4663">
            <v>1.0073000000000001</v>
          </cell>
          <cell r="AT4663">
            <v>2010</v>
          </cell>
          <cell r="AU4663">
            <v>10</v>
          </cell>
        </row>
        <row r="4664">
          <cell r="C4664">
            <v>1.0165999999999999</v>
          </cell>
          <cell r="AT4664">
            <v>2010</v>
          </cell>
          <cell r="AU4664">
            <v>10</v>
          </cell>
        </row>
        <row r="4665">
          <cell r="C4665">
            <v>1.0136000000000001</v>
          </cell>
          <cell r="AT4665">
            <v>2010</v>
          </cell>
          <cell r="AU4665">
            <v>10</v>
          </cell>
        </row>
        <row r="4666">
          <cell r="C4666">
            <v>1.0136000000000001</v>
          </cell>
          <cell r="AT4666">
            <v>2010</v>
          </cell>
          <cell r="AU4666">
            <v>10</v>
          </cell>
        </row>
        <row r="4667">
          <cell r="C4667">
            <v>1.0136000000000001</v>
          </cell>
          <cell r="AT4667">
            <v>2010</v>
          </cell>
          <cell r="AU4667">
            <v>10</v>
          </cell>
        </row>
        <row r="4668">
          <cell r="C4668">
            <v>1.0136000000000001</v>
          </cell>
          <cell r="AT4668">
            <v>2010</v>
          </cell>
          <cell r="AU4668">
            <v>10</v>
          </cell>
        </row>
        <row r="4669">
          <cell r="C4669">
            <v>1.0109999999999999</v>
          </cell>
          <cell r="AT4669">
            <v>2010</v>
          </cell>
          <cell r="AU4669">
            <v>10</v>
          </cell>
        </row>
        <row r="4670">
          <cell r="C4670">
            <v>1.0029999999999999</v>
          </cell>
          <cell r="AT4670">
            <v>2010</v>
          </cell>
          <cell r="AU4670">
            <v>10</v>
          </cell>
        </row>
        <row r="4671">
          <cell r="C4671">
            <v>1.0036</v>
          </cell>
          <cell r="AT4671">
            <v>2010</v>
          </cell>
          <cell r="AU4671">
            <v>10</v>
          </cell>
        </row>
        <row r="4672">
          <cell r="C4672">
            <v>1.0107999999999999</v>
          </cell>
          <cell r="AT4672">
            <v>2010</v>
          </cell>
          <cell r="AU4672">
            <v>10</v>
          </cell>
        </row>
        <row r="4673">
          <cell r="C4673">
            <v>1.0107999999999999</v>
          </cell>
          <cell r="AT4673">
            <v>2010</v>
          </cell>
          <cell r="AU4673">
            <v>10</v>
          </cell>
        </row>
        <row r="4674">
          <cell r="C4674">
            <v>1.0107999999999999</v>
          </cell>
          <cell r="AT4674">
            <v>2010</v>
          </cell>
          <cell r="AU4674">
            <v>10</v>
          </cell>
        </row>
        <row r="4675">
          <cell r="C4675">
            <v>1.0148999999999999</v>
          </cell>
          <cell r="AT4675">
            <v>2010</v>
          </cell>
          <cell r="AU4675">
            <v>10</v>
          </cell>
        </row>
        <row r="4676">
          <cell r="C4676">
            <v>1.0298</v>
          </cell>
          <cell r="AT4676">
            <v>2010</v>
          </cell>
          <cell r="AU4676">
            <v>10</v>
          </cell>
        </row>
        <row r="4677">
          <cell r="C4677">
            <v>1.0245</v>
          </cell>
          <cell r="AT4677">
            <v>2010</v>
          </cell>
          <cell r="AU4677">
            <v>10</v>
          </cell>
        </row>
        <row r="4678">
          <cell r="C4678">
            <v>1.0233000000000001</v>
          </cell>
          <cell r="AT4678">
            <v>2010</v>
          </cell>
          <cell r="AU4678">
            <v>10</v>
          </cell>
        </row>
        <row r="4679">
          <cell r="C4679">
            <v>1.0263</v>
          </cell>
          <cell r="AT4679">
            <v>2010</v>
          </cell>
          <cell r="AU4679">
            <v>10</v>
          </cell>
        </row>
        <row r="4680">
          <cell r="C4680">
            <v>1.0263</v>
          </cell>
          <cell r="AT4680">
            <v>2010</v>
          </cell>
          <cell r="AU4680">
            <v>10</v>
          </cell>
        </row>
        <row r="4681">
          <cell r="C4681">
            <v>1.0263</v>
          </cell>
          <cell r="AT4681">
            <v>2010</v>
          </cell>
          <cell r="AU4681">
            <v>10</v>
          </cell>
        </row>
        <row r="4682">
          <cell r="C4682">
            <v>1.0198</v>
          </cell>
          <cell r="AT4682">
            <v>2010</v>
          </cell>
          <cell r="AU4682">
            <v>10</v>
          </cell>
        </row>
        <row r="4683">
          <cell r="C4683">
            <v>1.0223</v>
          </cell>
          <cell r="AT4683">
            <v>2010</v>
          </cell>
          <cell r="AU4683">
            <v>10</v>
          </cell>
        </row>
        <row r="4684">
          <cell r="C4684">
            <v>1.032</v>
          </cell>
          <cell r="AT4684">
            <v>2010</v>
          </cell>
          <cell r="AU4684">
            <v>10</v>
          </cell>
        </row>
        <row r="4685">
          <cell r="C4685">
            <v>1.0202</v>
          </cell>
          <cell r="AT4685">
            <v>2010</v>
          </cell>
          <cell r="AU4685">
            <v>10</v>
          </cell>
        </row>
        <row r="4686">
          <cell r="C4686">
            <v>1.0187999999999999</v>
          </cell>
          <cell r="AT4686">
            <v>2010</v>
          </cell>
          <cell r="AU4686">
            <v>10</v>
          </cell>
        </row>
        <row r="4687">
          <cell r="C4687">
            <v>1.0187999999999999</v>
          </cell>
          <cell r="AT4687">
            <v>2010</v>
          </cell>
          <cell r="AU4687">
            <v>10</v>
          </cell>
        </row>
        <row r="4688">
          <cell r="C4688">
            <v>1.0187999999999999</v>
          </cell>
          <cell r="AT4688">
            <v>2010</v>
          </cell>
          <cell r="AU4688">
            <v>11</v>
          </cell>
        </row>
        <row r="4689">
          <cell r="C4689">
            <v>1.0136000000000001</v>
          </cell>
          <cell r="AT4689">
            <v>2010</v>
          </cell>
          <cell r="AU4689">
            <v>11</v>
          </cell>
        </row>
        <row r="4690">
          <cell r="C4690">
            <v>1.0099</v>
          </cell>
          <cell r="AT4690">
            <v>2010</v>
          </cell>
          <cell r="AU4690">
            <v>11</v>
          </cell>
        </row>
        <row r="4691">
          <cell r="C4691">
            <v>1.0092000000000001</v>
          </cell>
          <cell r="AT4691">
            <v>2010</v>
          </cell>
          <cell r="AU4691">
            <v>11</v>
          </cell>
        </row>
        <row r="4692">
          <cell r="C4692">
            <v>1.0024</v>
          </cell>
          <cell r="AT4692">
            <v>2010</v>
          </cell>
          <cell r="AU4692">
            <v>11</v>
          </cell>
        </row>
        <row r="4693">
          <cell r="C4693">
            <v>1.0015000000000001</v>
          </cell>
          <cell r="AT4693">
            <v>2010</v>
          </cell>
          <cell r="AU4693">
            <v>11</v>
          </cell>
        </row>
        <row r="4694">
          <cell r="C4694">
            <v>1.0015000000000001</v>
          </cell>
          <cell r="AT4694">
            <v>2010</v>
          </cell>
          <cell r="AU4694">
            <v>11</v>
          </cell>
        </row>
        <row r="4695">
          <cell r="C4695">
            <v>1.0015000000000001</v>
          </cell>
          <cell r="AT4695">
            <v>2010</v>
          </cell>
          <cell r="AU4695">
            <v>11</v>
          </cell>
        </row>
        <row r="4696">
          <cell r="C4696">
            <v>1.0022</v>
          </cell>
          <cell r="AT4696">
            <v>2010</v>
          </cell>
          <cell r="AU4696">
            <v>11</v>
          </cell>
        </row>
        <row r="4697">
          <cell r="C4697">
            <v>1.0013000000000001</v>
          </cell>
          <cell r="AT4697">
            <v>2010</v>
          </cell>
          <cell r="AU4697">
            <v>11</v>
          </cell>
        </row>
        <row r="4698">
          <cell r="C4698">
            <v>1.0017</v>
          </cell>
          <cell r="AT4698">
            <v>2010</v>
          </cell>
          <cell r="AU4698">
            <v>11</v>
          </cell>
        </row>
        <row r="4699">
          <cell r="C4699">
            <v>1.0017</v>
          </cell>
          <cell r="AT4699">
            <v>2010</v>
          </cell>
          <cell r="AU4699">
            <v>11</v>
          </cell>
        </row>
        <row r="4700">
          <cell r="C4700">
            <v>1.008</v>
          </cell>
          <cell r="AT4700">
            <v>2010</v>
          </cell>
          <cell r="AU4700">
            <v>11</v>
          </cell>
        </row>
        <row r="4701">
          <cell r="C4701">
            <v>1.008</v>
          </cell>
          <cell r="AT4701">
            <v>2010</v>
          </cell>
          <cell r="AU4701">
            <v>11</v>
          </cell>
        </row>
        <row r="4702">
          <cell r="C4702">
            <v>1.008</v>
          </cell>
          <cell r="AT4702">
            <v>2010</v>
          </cell>
          <cell r="AU4702">
            <v>11</v>
          </cell>
        </row>
        <row r="4703">
          <cell r="C4703">
            <v>1.0065</v>
          </cell>
          <cell r="AT4703">
            <v>2010</v>
          </cell>
          <cell r="AU4703">
            <v>11</v>
          </cell>
        </row>
        <row r="4704">
          <cell r="C4704">
            <v>1.0230999999999999</v>
          </cell>
          <cell r="AT4704">
            <v>2010</v>
          </cell>
          <cell r="AU4704">
            <v>11</v>
          </cell>
        </row>
        <row r="4705">
          <cell r="C4705">
            <v>1.0206999999999999</v>
          </cell>
          <cell r="AT4705">
            <v>2010</v>
          </cell>
          <cell r="AU4705">
            <v>11</v>
          </cell>
        </row>
        <row r="4706">
          <cell r="C4706">
            <v>1.0174000000000001</v>
          </cell>
          <cell r="AT4706">
            <v>2010</v>
          </cell>
          <cell r="AU4706">
            <v>11</v>
          </cell>
        </row>
        <row r="4707">
          <cell r="C4707">
            <v>1.0207999999999999</v>
          </cell>
          <cell r="AT4707">
            <v>2010</v>
          </cell>
          <cell r="AU4707">
            <v>11</v>
          </cell>
        </row>
        <row r="4708">
          <cell r="C4708">
            <v>1.0207999999999999</v>
          </cell>
          <cell r="AT4708">
            <v>2010</v>
          </cell>
          <cell r="AU4708">
            <v>11</v>
          </cell>
        </row>
        <row r="4709">
          <cell r="C4709">
            <v>1.0207999999999999</v>
          </cell>
          <cell r="AT4709">
            <v>2010</v>
          </cell>
          <cell r="AU4709">
            <v>11</v>
          </cell>
        </row>
        <row r="4710">
          <cell r="C4710">
            <v>1.0186999999999999</v>
          </cell>
          <cell r="AT4710">
            <v>2010</v>
          </cell>
          <cell r="AU4710">
            <v>11</v>
          </cell>
        </row>
        <row r="4711">
          <cell r="C4711">
            <v>1.0245</v>
          </cell>
          <cell r="AT4711">
            <v>2010</v>
          </cell>
          <cell r="AU4711">
            <v>11</v>
          </cell>
        </row>
        <row r="4712">
          <cell r="C4712">
            <v>1.0107999999999999</v>
          </cell>
          <cell r="AT4712">
            <v>2010</v>
          </cell>
          <cell r="AU4712">
            <v>11</v>
          </cell>
        </row>
        <row r="4713">
          <cell r="C4713">
            <v>1.0107999999999999</v>
          </cell>
          <cell r="AT4713">
            <v>2010</v>
          </cell>
          <cell r="AU4713">
            <v>11</v>
          </cell>
        </row>
        <row r="4714">
          <cell r="C4714">
            <v>1.0107999999999999</v>
          </cell>
          <cell r="AT4714">
            <v>2010</v>
          </cell>
          <cell r="AU4714">
            <v>11</v>
          </cell>
        </row>
        <row r="4715">
          <cell r="C4715">
            <v>1.0107999999999999</v>
          </cell>
          <cell r="AT4715">
            <v>2010</v>
          </cell>
          <cell r="AU4715">
            <v>11</v>
          </cell>
        </row>
        <row r="4716">
          <cell r="C4716">
            <v>1.0107999999999999</v>
          </cell>
          <cell r="AT4716">
            <v>2010</v>
          </cell>
          <cell r="AU4716">
            <v>11</v>
          </cell>
        </row>
        <row r="4717">
          <cell r="C4717">
            <v>1.0226999999999999</v>
          </cell>
          <cell r="AT4717">
            <v>2010</v>
          </cell>
          <cell r="AU4717">
            <v>11</v>
          </cell>
        </row>
        <row r="4718">
          <cell r="C4718">
            <v>1.0264</v>
          </cell>
          <cell r="AT4718">
            <v>2010</v>
          </cell>
          <cell r="AU4718">
            <v>12</v>
          </cell>
        </row>
        <row r="4719">
          <cell r="C4719">
            <v>1.016</v>
          </cell>
          <cell r="AT4719">
            <v>2010</v>
          </cell>
          <cell r="AU4719">
            <v>12</v>
          </cell>
        </row>
        <row r="4720">
          <cell r="C4720">
            <v>1.0045999999999999</v>
          </cell>
          <cell r="AT4720">
            <v>2010</v>
          </cell>
          <cell r="AU4720">
            <v>12</v>
          </cell>
        </row>
        <row r="4721">
          <cell r="C4721">
            <v>1.006</v>
          </cell>
          <cell r="AT4721">
            <v>2010</v>
          </cell>
          <cell r="AU4721">
            <v>12</v>
          </cell>
        </row>
        <row r="4722">
          <cell r="C4722">
            <v>1.006</v>
          </cell>
          <cell r="AT4722">
            <v>2010</v>
          </cell>
          <cell r="AU4722">
            <v>12</v>
          </cell>
        </row>
        <row r="4723">
          <cell r="C4723">
            <v>1.006</v>
          </cell>
          <cell r="AT4723">
            <v>2010</v>
          </cell>
          <cell r="AU4723">
            <v>12</v>
          </cell>
        </row>
        <row r="4724">
          <cell r="C4724">
            <v>1.0058</v>
          </cell>
          <cell r="AT4724">
            <v>2010</v>
          </cell>
          <cell r="AU4724">
            <v>12</v>
          </cell>
        </row>
        <row r="4725">
          <cell r="C4725">
            <v>1.0093000000000001</v>
          </cell>
          <cell r="AT4725">
            <v>2010</v>
          </cell>
          <cell r="AU4725">
            <v>12</v>
          </cell>
        </row>
        <row r="4726">
          <cell r="C4726">
            <v>1.0099</v>
          </cell>
          <cell r="AT4726">
            <v>2010</v>
          </cell>
          <cell r="AU4726">
            <v>12</v>
          </cell>
        </row>
        <row r="4727">
          <cell r="C4727">
            <v>1.0098</v>
          </cell>
          <cell r="AT4727">
            <v>2010</v>
          </cell>
          <cell r="AU4727">
            <v>12</v>
          </cell>
        </row>
        <row r="4728">
          <cell r="C4728">
            <v>1.0093000000000001</v>
          </cell>
          <cell r="AT4728">
            <v>2010</v>
          </cell>
          <cell r="AU4728">
            <v>12</v>
          </cell>
        </row>
        <row r="4729">
          <cell r="C4729">
            <v>1.0093000000000001</v>
          </cell>
          <cell r="AT4729">
            <v>2010</v>
          </cell>
          <cell r="AU4729">
            <v>12</v>
          </cell>
        </row>
        <row r="4730">
          <cell r="C4730">
            <v>1.0093000000000001</v>
          </cell>
          <cell r="AT4730">
            <v>2010</v>
          </cell>
          <cell r="AU4730">
            <v>12</v>
          </cell>
        </row>
        <row r="4731">
          <cell r="C4731">
            <v>1.0045999999999999</v>
          </cell>
          <cell r="AT4731">
            <v>2010</v>
          </cell>
          <cell r="AU4731">
            <v>12</v>
          </cell>
        </row>
        <row r="4732">
          <cell r="C4732">
            <v>1.0041</v>
          </cell>
          <cell r="AT4732">
            <v>2010</v>
          </cell>
          <cell r="AU4732">
            <v>12</v>
          </cell>
        </row>
        <row r="4733">
          <cell r="C4733">
            <v>1.0035000000000001</v>
          </cell>
          <cell r="AT4733">
            <v>2010</v>
          </cell>
          <cell r="AU4733">
            <v>12</v>
          </cell>
        </row>
        <row r="4734">
          <cell r="C4734">
            <v>1.0056</v>
          </cell>
          <cell r="AT4734">
            <v>2010</v>
          </cell>
          <cell r="AU4734">
            <v>12</v>
          </cell>
        </row>
        <row r="4735">
          <cell r="C4735">
            <v>1.0124</v>
          </cell>
          <cell r="AT4735">
            <v>2010</v>
          </cell>
          <cell r="AU4735">
            <v>12</v>
          </cell>
        </row>
        <row r="4736">
          <cell r="C4736">
            <v>1.0124</v>
          </cell>
          <cell r="AT4736">
            <v>2010</v>
          </cell>
          <cell r="AU4736">
            <v>12</v>
          </cell>
        </row>
        <row r="4737">
          <cell r="C4737">
            <v>1.0124</v>
          </cell>
          <cell r="AT4737">
            <v>2010</v>
          </cell>
          <cell r="AU4737">
            <v>12</v>
          </cell>
        </row>
        <row r="4738">
          <cell r="C4738">
            <v>1.0124</v>
          </cell>
          <cell r="AT4738">
            <v>2010</v>
          </cell>
          <cell r="AU4738">
            <v>12</v>
          </cell>
        </row>
        <row r="4739">
          <cell r="C4739">
            <v>1.0175000000000001</v>
          </cell>
          <cell r="AT4739">
            <v>2010</v>
          </cell>
          <cell r="AU4739">
            <v>12</v>
          </cell>
        </row>
        <row r="4740">
          <cell r="C4740">
            <v>1.0147999999999999</v>
          </cell>
          <cell r="AT4740">
            <v>2010</v>
          </cell>
          <cell r="AU4740">
            <v>12</v>
          </cell>
        </row>
        <row r="4741">
          <cell r="C4741">
            <v>1.0095000000000001</v>
          </cell>
          <cell r="AT4741">
            <v>2010</v>
          </cell>
          <cell r="AU4741">
            <v>12</v>
          </cell>
        </row>
        <row r="4742">
          <cell r="C4742">
            <v>1.0095000000000001</v>
          </cell>
          <cell r="AT4742">
            <v>2010</v>
          </cell>
          <cell r="AU4742">
            <v>12</v>
          </cell>
        </row>
        <row r="4743">
          <cell r="C4743">
            <v>1.0095000000000001</v>
          </cell>
          <cell r="AT4743">
            <v>2010</v>
          </cell>
          <cell r="AU4743">
            <v>12</v>
          </cell>
        </row>
        <row r="4744">
          <cell r="C4744">
            <v>1.0095000000000001</v>
          </cell>
          <cell r="AT4744">
            <v>2010</v>
          </cell>
          <cell r="AU4744">
            <v>12</v>
          </cell>
        </row>
        <row r="4745">
          <cell r="C4745">
            <v>1.0064</v>
          </cell>
          <cell r="AT4745">
            <v>2010</v>
          </cell>
          <cell r="AU4745">
            <v>12</v>
          </cell>
        </row>
        <row r="4746">
          <cell r="C4746">
            <v>1.0064</v>
          </cell>
          <cell r="AT4746">
            <v>2010</v>
          </cell>
          <cell r="AU4746">
            <v>12</v>
          </cell>
        </row>
        <row r="4747">
          <cell r="C4747">
            <v>1.0003</v>
          </cell>
          <cell r="AT4747">
            <v>2010</v>
          </cell>
          <cell r="AU4747">
            <v>12</v>
          </cell>
        </row>
        <row r="4748">
          <cell r="C4748">
            <v>1.0008999999999999</v>
          </cell>
          <cell r="AT4748">
            <v>2010</v>
          </cell>
          <cell r="AU4748">
            <v>12</v>
          </cell>
        </row>
        <row r="4749">
          <cell r="C4749">
            <v>1.0008999999999999</v>
          </cell>
          <cell r="AT4749">
            <v>2011</v>
          </cell>
          <cell r="AU4749">
            <v>1</v>
          </cell>
        </row>
        <row r="4750">
          <cell r="C4750">
            <v>1.0008999999999999</v>
          </cell>
          <cell r="AT4750">
            <v>2011</v>
          </cell>
          <cell r="AU4750">
            <v>1</v>
          </cell>
        </row>
        <row r="4751">
          <cell r="C4751">
            <v>1.0008999999999999</v>
          </cell>
          <cell r="AT4751">
            <v>2011</v>
          </cell>
          <cell r="AU4751">
            <v>1</v>
          </cell>
        </row>
        <row r="4752">
          <cell r="C4752">
            <v>0.99460000000000004</v>
          </cell>
          <cell r="AT4752">
            <v>2011</v>
          </cell>
          <cell r="AU4752">
            <v>1</v>
          </cell>
        </row>
        <row r="4753">
          <cell r="C4753">
            <v>0.99860000000000004</v>
          </cell>
          <cell r="AT4753">
            <v>2011</v>
          </cell>
          <cell r="AU4753">
            <v>1</v>
          </cell>
        </row>
        <row r="4754">
          <cell r="C4754">
            <v>0.99470000000000003</v>
          </cell>
          <cell r="AT4754">
            <v>2011</v>
          </cell>
          <cell r="AU4754">
            <v>1</v>
          </cell>
        </row>
        <row r="4755">
          <cell r="C4755">
            <v>0.99539999999999995</v>
          </cell>
          <cell r="AT4755">
            <v>2011</v>
          </cell>
          <cell r="AU4755">
            <v>1</v>
          </cell>
        </row>
        <row r="4756">
          <cell r="C4756">
            <v>0.99339999999999995</v>
          </cell>
          <cell r="AT4756">
            <v>2011</v>
          </cell>
          <cell r="AU4756">
            <v>1</v>
          </cell>
        </row>
        <row r="4757">
          <cell r="C4757">
            <v>0.99339999999999995</v>
          </cell>
          <cell r="AT4757">
            <v>2011</v>
          </cell>
          <cell r="AU4757">
            <v>1</v>
          </cell>
        </row>
        <row r="4758">
          <cell r="C4758">
            <v>0.99339999999999995</v>
          </cell>
          <cell r="AT4758">
            <v>2011</v>
          </cell>
          <cell r="AU4758">
            <v>1</v>
          </cell>
        </row>
        <row r="4759">
          <cell r="C4759">
            <v>0.99250000000000005</v>
          </cell>
          <cell r="AT4759">
            <v>2011</v>
          </cell>
          <cell r="AU4759">
            <v>1</v>
          </cell>
        </row>
        <row r="4760">
          <cell r="C4760">
            <v>0.99029999999999996</v>
          </cell>
          <cell r="AT4760">
            <v>2011</v>
          </cell>
          <cell r="AU4760">
            <v>1</v>
          </cell>
        </row>
        <row r="4761">
          <cell r="C4761">
            <v>0.98640000000000005</v>
          </cell>
          <cell r="AT4761">
            <v>2011</v>
          </cell>
          <cell r="AU4761">
            <v>1</v>
          </cell>
        </row>
        <row r="4762">
          <cell r="C4762">
            <v>0.98680000000000001</v>
          </cell>
          <cell r="AT4762">
            <v>2011</v>
          </cell>
          <cell r="AU4762">
            <v>1</v>
          </cell>
        </row>
        <row r="4763">
          <cell r="C4763">
            <v>0.99039999999999995</v>
          </cell>
          <cell r="AT4763">
            <v>2011</v>
          </cell>
          <cell r="AU4763">
            <v>1</v>
          </cell>
        </row>
        <row r="4764">
          <cell r="C4764">
            <v>0.99039999999999995</v>
          </cell>
          <cell r="AT4764">
            <v>2011</v>
          </cell>
          <cell r="AU4764">
            <v>1</v>
          </cell>
        </row>
        <row r="4765">
          <cell r="C4765">
            <v>0.99039999999999995</v>
          </cell>
          <cell r="AT4765">
            <v>2011</v>
          </cell>
          <cell r="AU4765">
            <v>1</v>
          </cell>
        </row>
        <row r="4766">
          <cell r="C4766">
            <v>0.99039999999999995</v>
          </cell>
          <cell r="AT4766">
            <v>2011</v>
          </cell>
          <cell r="AU4766">
            <v>1</v>
          </cell>
        </row>
        <row r="4767">
          <cell r="C4767">
            <v>0.99109999999999998</v>
          </cell>
          <cell r="AT4767">
            <v>2011</v>
          </cell>
          <cell r="AU4767">
            <v>1</v>
          </cell>
        </row>
        <row r="4768">
          <cell r="C4768">
            <v>0.99390000000000001</v>
          </cell>
          <cell r="AT4768">
            <v>2011</v>
          </cell>
          <cell r="AU4768">
            <v>1</v>
          </cell>
        </row>
        <row r="4769">
          <cell r="C4769">
            <v>1.0001</v>
          </cell>
          <cell r="AT4769">
            <v>2011</v>
          </cell>
          <cell r="AU4769">
            <v>1</v>
          </cell>
        </row>
        <row r="4770">
          <cell r="C4770">
            <v>0.99450000000000005</v>
          </cell>
          <cell r="AT4770">
            <v>2011</v>
          </cell>
          <cell r="AU4770">
            <v>1</v>
          </cell>
        </row>
        <row r="4771">
          <cell r="C4771">
            <v>0.99450000000000005</v>
          </cell>
          <cell r="AT4771">
            <v>2011</v>
          </cell>
          <cell r="AU4771">
            <v>1</v>
          </cell>
        </row>
        <row r="4772">
          <cell r="C4772">
            <v>0.99450000000000005</v>
          </cell>
          <cell r="AT4772">
            <v>2011</v>
          </cell>
          <cell r="AU4772">
            <v>1</v>
          </cell>
        </row>
        <row r="4773">
          <cell r="C4773">
            <v>0.99339999999999995</v>
          </cell>
          <cell r="AT4773">
            <v>2011</v>
          </cell>
          <cell r="AU4773">
            <v>1</v>
          </cell>
        </row>
        <row r="4774">
          <cell r="C4774">
            <v>0.99860000000000004</v>
          </cell>
          <cell r="AT4774">
            <v>2011</v>
          </cell>
          <cell r="AU4774">
            <v>1</v>
          </cell>
        </row>
        <row r="4775">
          <cell r="C4775">
            <v>0.99529999999999996</v>
          </cell>
          <cell r="AT4775">
            <v>2011</v>
          </cell>
          <cell r="AU4775">
            <v>1</v>
          </cell>
        </row>
        <row r="4776">
          <cell r="C4776">
            <v>0.99409999999999998</v>
          </cell>
          <cell r="AT4776">
            <v>2011</v>
          </cell>
          <cell r="AU4776">
            <v>1</v>
          </cell>
        </row>
        <row r="4777">
          <cell r="C4777">
            <v>0.999</v>
          </cell>
          <cell r="AT4777">
            <v>2011</v>
          </cell>
          <cell r="AU4777">
            <v>1</v>
          </cell>
        </row>
        <row r="4778">
          <cell r="C4778">
            <v>0.999</v>
          </cell>
          <cell r="AT4778">
            <v>2011</v>
          </cell>
          <cell r="AU4778">
            <v>1</v>
          </cell>
        </row>
        <row r="4779">
          <cell r="C4779">
            <v>0.999</v>
          </cell>
          <cell r="AT4779">
            <v>2011</v>
          </cell>
          <cell r="AU4779">
            <v>1</v>
          </cell>
        </row>
        <row r="4780">
          <cell r="C4780">
            <v>1.0022</v>
          </cell>
          <cell r="AT4780">
            <v>2011</v>
          </cell>
          <cell r="AU4780">
            <v>2</v>
          </cell>
        </row>
        <row r="4781">
          <cell r="C4781">
            <v>0.99219999999999997</v>
          </cell>
          <cell r="AT4781">
            <v>2011</v>
          </cell>
          <cell r="AU4781">
            <v>2</v>
          </cell>
        </row>
        <row r="4782">
          <cell r="C4782">
            <v>0.98829999999999996</v>
          </cell>
          <cell r="AT4782">
            <v>2011</v>
          </cell>
          <cell r="AU4782">
            <v>2</v>
          </cell>
        </row>
        <row r="4783">
          <cell r="C4783">
            <v>0.99009999999999998</v>
          </cell>
          <cell r="AT4783">
            <v>2011</v>
          </cell>
          <cell r="AU4783">
            <v>2</v>
          </cell>
        </row>
        <row r="4784">
          <cell r="C4784">
            <v>0.99009999999999998</v>
          </cell>
          <cell r="AT4784">
            <v>2011</v>
          </cell>
          <cell r="AU4784">
            <v>2</v>
          </cell>
        </row>
        <row r="4785">
          <cell r="C4785">
            <v>0.99009999999999998</v>
          </cell>
          <cell r="AT4785">
            <v>2011</v>
          </cell>
          <cell r="AU4785">
            <v>2</v>
          </cell>
        </row>
        <row r="4786">
          <cell r="C4786">
            <v>0.99009999999999998</v>
          </cell>
          <cell r="AT4786">
            <v>2011</v>
          </cell>
          <cell r="AU4786">
            <v>2</v>
          </cell>
        </row>
        <row r="4787">
          <cell r="C4787">
            <v>0.98860000000000003</v>
          </cell>
          <cell r="AT4787">
            <v>2011</v>
          </cell>
          <cell r="AU4787">
            <v>2</v>
          </cell>
        </row>
        <row r="4788">
          <cell r="C4788">
            <v>0.99060000000000004</v>
          </cell>
          <cell r="AT4788">
            <v>2011</v>
          </cell>
          <cell r="AU4788">
            <v>2</v>
          </cell>
        </row>
        <row r="4789">
          <cell r="C4789">
            <v>0.99470000000000003</v>
          </cell>
          <cell r="AT4789">
            <v>2011</v>
          </cell>
          <cell r="AU4789">
            <v>2</v>
          </cell>
        </row>
        <row r="4790">
          <cell r="C4790">
            <v>0.99550000000000005</v>
          </cell>
          <cell r="AT4790">
            <v>2011</v>
          </cell>
          <cell r="AU4790">
            <v>2</v>
          </cell>
        </row>
        <row r="4791">
          <cell r="C4791">
            <v>0.99029999999999996</v>
          </cell>
          <cell r="AT4791">
            <v>2011</v>
          </cell>
          <cell r="AU4791">
            <v>2</v>
          </cell>
        </row>
        <row r="4792">
          <cell r="C4792">
            <v>0.99029999999999996</v>
          </cell>
          <cell r="AT4792">
            <v>2011</v>
          </cell>
          <cell r="AU4792">
            <v>2</v>
          </cell>
        </row>
        <row r="4793">
          <cell r="C4793">
            <v>0.99029999999999996</v>
          </cell>
          <cell r="AT4793">
            <v>2011</v>
          </cell>
          <cell r="AU4793">
            <v>2</v>
          </cell>
        </row>
        <row r="4794">
          <cell r="C4794">
            <v>0.98850000000000005</v>
          </cell>
          <cell r="AT4794">
            <v>2011</v>
          </cell>
          <cell r="AU4794">
            <v>2</v>
          </cell>
        </row>
        <row r="4795">
          <cell r="C4795">
            <v>0.98870000000000002</v>
          </cell>
          <cell r="AT4795">
            <v>2011</v>
          </cell>
          <cell r="AU4795">
            <v>2</v>
          </cell>
        </row>
        <row r="4796">
          <cell r="C4796">
            <v>0.98550000000000004</v>
          </cell>
          <cell r="AT4796">
            <v>2011</v>
          </cell>
          <cell r="AU4796">
            <v>2</v>
          </cell>
        </row>
        <row r="4797">
          <cell r="C4797">
            <v>0.9839</v>
          </cell>
          <cell r="AT4797">
            <v>2011</v>
          </cell>
          <cell r="AU4797">
            <v>2</v>
          </cell>
        </row>
        <row r="4798">
          <cell r="C4798">
            <v>0.98299999999999998</v>
          </cell>
          <cell r="AT4798">
            <v>2011</v>
          </cell>
          <cell r="AU4798">
            <v>2</v>
          </cell>
        </row>
        <row r="4799">
          <cell r="C4799">
            <v>0.98299999999999998</v>
          </cell>
          <cell r="AT4799">
            <v>2011</v>
          </cell>
          <cell r="AU4799">
            <v>2</v>
          </cell>
        </row>
        <row r="4800">
          <cell r="C4800">
            <v>0.98299999999999998</v>
          </cell>
          <cell r="AT4800">
            <v>2011</v>
          </cell>
          <cell r="AU4800">
            <v>2</v>
          </cell>
        </row>
        <row r="4801">
          <cell r="C4801">
            <v>0.98299999999999998</v>
          </cell>
          <cell r="AT4801">
            <v>2011</v>
          </cell>
          <cell r="AU4801">
            <v>2</v>
          </cell>
        </row>
        <row r="4802">
          <cell r="C4802">
            <v>0.9859</v>
          </cell>
          <cell r="AT4802">
            <v>2011</v>
          </cell>
          <cell r="AU4802">
            <v>2</v>
          </cell>
        </row>
        <row r="4803">
          <cell r="C4803">
            <v>0.99239999999999995</v>
          </cell>
          <cell r="AT4803">
            <v>2011</v>
          </cell>
          <cell r="AU4803">
            <v>2</v>
          </cell>
        </row>
        <row r="4804">
          <cell r="C4804">
            <v>0.98419999999999996</v>
          </cell>
          <cell r="AT4804">
            <v>2011</v>
          </cell>
          <cell r="AU4804">
            <v>2</v>
          </cell>
        </row>
        <row r="4805">
          <cell r="C4805">
            <v>0.98089999999999999</v>
          </cell>
          <cell r="AT4805">
            <v>2011</v>
          </cell>
          <cell r="AU4805">
            <v>2</v>
          </cell>
        </row>
        <row r="4806">
          <cell r="C4806">
            <v>0.98089999999999999</v>
          </cell>
          <cell r="AT4806">
            <v>2011</v>
          </cell>
          <cell r="AU4806">
            <v>2</v>
          </cell>
        </row>
        <row r="4807">
          <cell r="C4807">
            <v>0.98089999999999999</v>
          </cell>
          <cell r="AT4807">
            <v>2011</v>
          </cell>
          <cell r="AU4807">
            <v>2</v>
          </cell>
        </row>
        <row r="4808">
          <cell r="C4808">
            <v>0.97389999999999999</v>
          </cell>
          <cell r="AT4808">
            <v>2011</v>
          </cell>
          <cell r="AU4808">
            <v>3</v>
          </cell>
        </row>
        <row r="4809">
          <cell r="C4809">
            <v>0.97430000000000005</v>
          </cell>
          <cell r="AT4809">
            <v>2011</v>
          </cell>
          <cell r="AU4809">
            <v>3</v>
          </cell>
        </row>
        <row r="4810">
          <cell r="C4810">
            <v>0.97340000000000004</v>
          </cell>
          <cell r="AT4810">
            <v>2011</v>
          </cell>
          <cell r="AU4810">
            <v>3</v>
          </cell>
        </row>
        <row r="4811">
          <cell r="C4811">
            <v>0.97470000000000001</v>
          </cell>
          <cell r="AT4811">
            <v>2011</v>
          </cell>
          <cell r="AU4811">
            <v>3</v>
          </cell>
        </row>
        <row r="4812">
          <cell r="C4812">
            <v>0.97140000000000004</v>
          </cell>
          <cell r="AT4812">
            <v>2011</v>
          </cell>
          <cell r="AU4812">
            <v>3</v>
          </cell>
        </row>
        <row r="4813">
          <cell r="C4813">
            <v>0.97140000000000004</v>
          </cell>
          <cell r="AT4813">
            <v>2011</v>
          </cell>
          <cell r="AU4813">
            <v>3</v>
          </cell>
        </row>
        <row r="4814">
          <cell r="C4814">
            <v>0.97140000000000004</v>
          </cell>
          <cell r="AT4814">
            <v>2011</v>
          </cell>
          <cell r="AU4814">
            <v>3</v>
          </cell>
        </row>
        <row r="4815">
          <cell r="C4815">
            <v>0.9738</v>
          </cell>
          <cell r="AT4815">
            <v>2011</v>
          </cell>
          <cell r="AU4815">
            <v>3</v>
          </cell>
        </row>
        <row r="4816">
          <cell r="C4816">
            <v>0.97130000000000005</v>
          </cell>
          <cell r="AT4816">
            <v>2011</v>
          </cell>
          <cell r="AU4816">
            <v>3</v>
          </cell>
        </row>
        <row r="4817">
          <cell r="C4817">
            <v>0.96860000000000002</v>
          </cell>
          <cell r="AT4817">
            <v>2011</v>
          </cell>
          <cell r="AU4817">
            <v>3</v>
          </cell>
        </row>
        <row r="4818">
          <cell r="C4818">
            <v>0.97309999999999997</v>
          </cell>
          <cell r="AT4818">
            <v>2011</v>
          </cell>
          <cell r="AU4818">
            <v>3</v>
          </cell>
        </row>
        <row r="4819">
          <cell r="C4819">
            <v>0.97340000000000004</v>
          </cell>
          <cell r="AT4819">
            <v>2011</v>
          </cell>
          <cell r="AU4819">
            <v>3</v>
          </cell>
        </row>
        <row r="4820">
          <cell r="C4820">
            <v>0.97340000000000004</v>
          </cell>
          <cell r="AT4820">
            <v>2011</v>
          </cell>
          <cell r="AU4820">
            <v>3</v>
          </cell>
        </row>
        <row r="4821">
          <cell r="C4821">
            <v>0.97340000000000004</v>
          </cell>
          <cell r="AT4821">
            <v>2011</v>
          </cell>
          <cell r="AU4821">
            <v>3</v>
          </cell>
        </row>
        <row r="4822">
          <cell r="C4822">
            <v>0.97589999999999999</v>
          </cell>
          <cell r="AT4822">
            <v>2011</v>
          </cell>
          <cell r="AU4822">
            <v>3</v>
          </cell>
        </row>
        <row r="4823">
          <cell r="C4823">
            <v>0.98299999999999998</v>
          </cell>
          <cell r="AT4823">
            <v>2011</v>
          </cell>
          <cell r="AU4823">
            <v>3</v>
          </cell>
        </row>
        <row r="4824">
          <cell r="C4824">
            <v>0.99180000000000001</v>
          </cell>
          <cell r="AT4824">
            <v>2011</v>
          </cell>
          <cell r="AU4824">
            <v>3</v>
          </cell>
        </row>
        <row r="4825">
          <cell r="C4825">
            <v>0.98850000000000005</v>
          </cell>
          <cell r="AT4825">
            <v>2011</v>
          </cell>
          <cell r="AU4825">
            <v>3</v>
          </cell>
        </row>
        <row r="4826">
          <cell r="C4826">
            <v>0.98440000000000005</v>
          </cell>
          <cell r="AT4826">
            <v>2011</v>
          </cell>
          <cell r="AU4826">
            <v>3</v>
          </cell>
        </row>
        <row r="4827">
          <cell r="C4827">
            <v>0.98440000000000005</v>
          </cell>
          <cell r="AT4827">
            <v>2011</v>
          </cell>
          <cell r="AU4827">
            <v>3</v>
          </cell>
        </row>
        <row r="4828">
          <cell r="C4828">
            <v>0.98440000000000005</v>
          </cell>
          <cell r="AT4828">
            <v>2011</v>
          </cell>
          <cell r="AU4828">
            <v>3</v>
          </cell>
        </row>
        <row r="4829">
          <cell r="C4829">
            <v>0.97740000000000005</v>
          </cell>
          <cell r="AT4829">
            <v>2011</v>
          </cell>
          <cell r="AU4829">
            <v>3</v>
          </cell>
        </row>
        <row r="4830">
          <cell r="C4830">
            <v>0.9768</v>
          </cell>
          <cell r="AT4830">
            <v>2011</v>
          </cell>
          <cell r="AU4830">
            <v>3</v>
          </cell>
        </row>
        <row r="4831">
          <cell r="C4831">
            <v>0.98209999999999997</v>
          </cell>
          <cell r="AT4831">
            <v>2011</v>
          </cell>
          <cell r="AU4831">
            <v>3</v>
          </cell>
        </row>
        <row r="4832">
          <cell r="C4832">
            <v>0.9748</v>
          </cell>
          <cell r="AT4832">
            <v>2011</v>
          </cell>
          <cell r="AU4832">
            <v>3</v>
          </cell>
        </row>
        <row r="4833">
          <cell r="C4833">
            <v>0.9778</v>
          </cell>
          <cell r="AT4833">
            <v>2011</v>
          </cell>
          <cell r="AU4833">
            <v>3</v>
          </cell>
        </row>
        <row r="4834">
          <cell r="C4834">
            <v>0.9778</v>
          </cell>
          <cell r="AT4834">
            <v>2011</v>
          </cell>
          <cell r="AU4834">
            <v>3</v>
          </cell>
        </row>
        <row r="4835">
          <cell r="C4835">
            <v>0.9778</v>
          </cell>
          <cell r="AT4835">
            <v>2011</v>
          </cell>
          <cell r="AU4835">
            <v>3</v>
          </cell>
        </row>
        <row r="4836">
          <cell r="C4836">
            <v>0.9758</v>
          </cell>
          <cell r="AT4836">
            <v>2011</v>
          </cell>
          <cell r="AU4836">
            <v>3</v>
          </cell>
        </row>
        <row r="4837">
          <cell r="C4837">
            <v>0.97609999999999997</v>
          </cell>
          <cell r="AT4837">
            <v>2011</v>
          </cell>
          <cell r="AU4837">
            <v>3</v>
          </cell>
        </row>
        <row r="4838">
          <cell r="C4838">
            <v>0.97140000000000004</v>
          </cell>
          <cell r="AT4838">
            <v>2011</v>
          </cell>
          <cell r="AU4838">
            <v>3</v>
          </cell>
        </row>
        <row r="4839">
          <cell r="C4839">
            <v>0.9718</v>
          </cell>
          <cell r="AT4839">
            <v>2011</v>
          </cell>
          <cell r="AU4839">
            <v>4</v>
          </cell>
        </row>
        <row r="4840">
          <cell r="C4840">
            <v>0.96289999999999998</v>
          </cell>
          <cell r="AT4840">
            <v>2011</v>
          </cell>
          <cell r="AU4840">
            <v>4</v>
          </cell>
        </row>
        <row r="4841">
          <cell r="C4841">
            <v>0.96289999999999998</v>
          </cell>
          <cell r="AT4841">
            <v>2011</v>
          </cell>
          <cell r="AU4841">
            <v>4</v>
          </cell>
        </row>
        <row r="4842">
          <cell r="C4842">
            <v>0.96289999999999998</v>
          </cell>
          <cell r="AT4842">
            <v>2011</v>
          </cell>
          <cell r="AU4842">
            <v>4</v>
          </cell>
        </row>
        <row r="4843">
          <cell r="C4843">
            <v>0.96789999999999998</v>
          </cell>
          <cell r="AT4843">
            <v>2011</v>
          </cell>
          <cell r="AU4843">
            <v>4</v>
          </cell>
        </row>
        <row r="4844">
          <cell r="C4844">
            <v>0.96360000000000001</v>
          </cell>
          <cell r="AT4844">
            <v>2011</v>
          </cell>
          <cell r="AU4844">
            <v>4</v>
          </cell>
        </row>
        <row r="4845">
          <cell r="C4845">
            <v>0.95879999999999999</v>
          </cell>
          <cell r="AT4845">
            <v>2011</v>
          </cell>
          <cell r="AU4845">
            <v>4</v>
          </cell>
        </row>
        <row r="4846">
          <cell r="C4846">
            <v>0.95930000000000004</v>
          </cell>
          <cell r="AT4846">
            <v>2011</v>
          </cell>
          <cell r="AU4846">
            <v>4</v>
          </cell>
        </row>
        <row r="4847">
          <cell r="C4847">
            <v>0.95660000000000001</v>
          </cell>
          <cell r="AT4847">
            <v>2011</v>
          </cell>
          <cell r="AU4847">
            <v>4</v>
          </cell>
        </row>
        <row r="4848">
          <cell r="C4848">
            <v>0.95660000000000001</v>
          </cell>
          <cell r="AT4848">
            <v>2011</v>
          </cell>
          <cell r="AU4848">
            <v>4</v>
          </cell>
        </row>
        <row r="4849">
          <cell r="C4849">
            <v>0.95660000000000001</v>
          </cell>
          <cell r="AT4849">
            <v>2011</v>
          </cell>
          <cell r="AU4849">
            <v>4</v>
          </cell>
        </row>
        <row r="4850">
          <cell r="C4850">
            <v>0.95469999999999999</v>
          </cell>
          <cell r="AT4850">
            <v>2011</v>
          </cell>
          <cell r="AU4850">
            <v>4</v>
          </cell>
        </row>
        <row r="4851">
          <cell r="C4851">
            <v>0.96250000000000002</v>
          </cell>
          <cell r="AT4851">
            <v>2011</v>
          </cell>
          <cell r="AU4851">
            <v>4</v>
          </cell>
        </row>
        <row r="4852">
          <cell r="C4852">
            <v>0.96399999999999997</v>
          </cell>
          <cell r="AT4852">
            <v>2011</v>
          </cell>
          <cell r="AU4852">
            <v>4</v>
          </cell>
        </row>
        <row r="4853">
          <cell r="C4853">
            <v>0.96260000000000001</v>
          </cell>
          <cell r="AT4853">
            <v>2011</v>
          </cell>
          <cell r="AU4853">
            <v>4</v>
          </cell>
        </row>
        <row r="4854">
          <cell r="C4854">
            <v>0.96150000000000002</v>
          </cell>
          <cell r="AT4854">
            <v>2011</v>
          </cell>
          <cell r="AU4854">
            <v>4</v>
          </cell>
        </row>
        <row r="4855">
          <cell r="C4855">
            <v>0.96150000000000002</v>
          </cell>
          <cell r="AT4855">
            <v>2011</v>
          </cell>
          <cell r="AU4855">
            <v>4</v>
          </cell>
        </row>
        <row r="4856">
          <cell r="C4856">
            <v>0.96150000000000002</v>
          </cell>
          <cell r="AT4856">
            <v>2011</v>
          </cell>
          <cell r="AU4856">
            <v>4</v>
          </cell>
        </row>
        <row r="4857">
          <cell r="C4857">
            <v>0.96909999999999996</v>
          </cell>
          <cell r="AT4857">
            <v>2011</v>
          </cell>
          <cell r="AU4857">
            <v>4</v>
          </cell>
        </row>
        <row r="4858">
          <cell r="C4858">
            <v>0.95709999999999995</v>
          </cell>
          <cell r="AT4858">
            <v>2011</v>
          </cell>
          <cell r="AU4858">
            <v>4</v>
          </cell>
        </row>
        <row r="4859">
          <cell r="C4859">
            <v>0.95240000000000002</v>
          </cell>
          <cell r="AT4859">
            <v>2011</v>
          </cell>
          <cell r="AU4859">
            <v>4</v>
          </cell>
        </row>
        <row r="4860">
          <cell r="C4860">
            <v>0.95189999999999997</v>
          </cell>
          <cell r="AT4860">
            <v>2011</v>
          </cell>
          <cell r="AU4860">
            <v>4</v>
          </cell>
        </row>
        <row r="4861">
          <cell r="C4861">
            <v>0.95189999999999997</v>
          </cell>
          <cell r="AT4861">
            <v>2011</v>
          </cell>
          <cell r="AU4861">
            <v>4</v>
          </cell>
        </row>
        <row r="4862">
          <cell r="C4862">
            <v>0.95189999999999997</v>
          </cell>
          <cell r="AT4862">
            <v>2011</v>
          </cell>
          <cell r="AU4862">
            <v>4</v>
          </cell>
        </row>
        <row r="4863">
          <cell r="C4863">
            <v>0.95189999999999997</v>
          </cell>
          <cell r="AT4863">
            <v>2011</v>
          </cell>
          <cell r="AU4863">
            <v>4</v>
          </cell>
        </row>
        <row r="4864">
          <cell r="C4864">
            <v>0.95409999999999995</v>
          </cell>
          <cell r="AT4864">
            <v>2011</v>
          </cell>
          <cell r="AU4864">
            <v>4</v>
          </cell>
        </row>
        <row r="4865">
          <cell r="C4865">
            <v>0.95069999999999999</v>
          </cell>
          <cell r="AT4865">
            <v>2011</v>
          </cell>
          <cell r="AU4865">
            <v>4</v>
          </cell>
        </row>
        <row r="4866">
          <cell r="C4866">
            <v>0.95489999999999997</v>
          </cell>
          <cell r="AT4866">
            <v>2011</v>
          </cell>
          <cell r="AU4866">
            <v>4</v>
          </cell>
        </row>
        <row r="4867">
          <cell r="C4867">
            <v>0.95109999999999995</v>
          </cell>
          <cell r="AT4867">
            <v>2011</v>
          </cell>
          <cell r="AU4867">
            <v>4</v>
          </cell>
        </row>
        <row r="4868">
          <cell r="C4868">
            <v>0.9486</v>
          </cell>
          <cell r="AT4868">
            <v>2011</v>
          </cell>
          <cell r="AU4868">
            <v>4</v>
          </cell>
        </row>
        <row r="4869">
          <cell r="C4869">
            <v>0.9486</v>
          </cell>
          <cell r="AT4869">
            <v>2011</v>
          </cell>
          <cell r="AU4869">
            <v>5</v>
          </cell>
        </row>
        <row r="4870">
          <cell r="C4870">
            <v>0.9486</v>
          </cell>
          <cell r="AT4870">
            <v>2011</v>
          </cell>
          <cell r="AU4870">
            <v>5</v>
          </cell>
        </row>
        <row r="4871">
          <cell r="C4871">
            <v>0.94920000000000004</v>
          </cell>
          <cell r="AT4871">
            <v>2011</v>
          </cell>
          <cell r="AU4871">
            <v>5</v>
          </cell>
        </row>
        <row r="4872">
          <cell r="C4872">
            <v>0.94899999999999995</v>
          </cell>
          <cell r="AT4872">
            <v>2011</v>
          </cell>
          <cell r="AU4872">
            <v>5</v>
          </cell>
        </row>
        <row r="4873">
          <cell r="C4873">
            <v>0.95799999999999996</v>
          </cell>
          <cell r="AT4873">
            <v>2011</v>
          </cell>
          <cell r="AU4873">
            <v>5</v>
          </cell>
        </row>
        <row r="4874">
          <cell r="C4874">
            <v>0.96689999999999998</v>
          </cell>
          <cell r="AT4874">
            <v>2011</v>
          </cell>
          <cell r="AU4874">
            <v>5</v>
          </cell>
        </row>
        <row r="4875">
          <cell r="C4875">
            <v>0.9617</v>
          </cell>
          <cell r="AT4875">
            <v>2011</v>
          </cell>
          <cell r="AU4875">
            <v>5</v>
          </cell>
        </row>
        <row r="4876">
          <cell r="C4876">
            <v>0.9617</v>
          </cell>
          <cell r="AT4876">
            <v>2011</v>
          </cell>
          <cell r="AU4876">
            <v>5</v>
          </cell>
        </row>
        <row r="4877">
          <cell r="C4877">
            <v>0.9617</v>
          </cell>
          <cell r="AT4877">
            <v>2011</v>
          </cell>
          <cell r="AU4877">
            <v>5</v>
          </cell>
        </row>
        <row r="4878">
          <cell r="C4878">
            <v>0.96609999999999996</v>
          </cell>
          <cell r="AT4878">
            <v>2011</v>
          </cell>
          <cell r="AU4878">
            <v>5</v>
          </cell>
        </row>
        <row r="4879">
          <cell r="C4879">
            <v>0.96099999999999997</v>
          </cell>
          <cell r="AT4879">
            <v>2011</v>
          </cell>
          <cell r="AU4879">
            <v>5</v>
          </cell>
        </row>
        <row r="4880">
          <cell r="C4880">
            <v>0.95820000000000005</v>
          </cell>
          <cell r="AT4880">
            <v>2011</v>
          </cell>
          <cell r="AU4880">
            <v>5</v>
          </cell>
        </row>
        <row r="4881">
          <cell r="C4881">
            <v>0.96579999999999999</v>
          </cell>
          <cell r="AT4881">
            <v>2011</v>
          </cell>
          <cell r="AU4881">
            <v>5</v>
          </cell>
        </row>
        <row r="4882">
          <cell r="C4882">
            <v>0.97089999999999999</v>
          </cell>
          <cell r="AT4882">
            <v>2011</v>
          </cell>
          <cell r="AU4882">
            <v>5</v>
          </cell>
        </row>
        <row r="4883">
          <cell r="C4883">
            <v>0.97089999999999999</v>
          </cell>
          <cell r="AT4883">
            <v>2011</v>
          </cell>
          <cell r="AU4883">
            <v>5</v>
          </cell>
        </row>
        <row r="4884">
          <cell r="C4884">
            <v>0.97089999999999999</v>
          </cell>
          <cell r="AT4884">
            <v>2011</v>
          </cell>
          <cell r="AU4884">
            <v>5</v>
          </cell>
        </row>
        <row r="4885">
          <cell r="C4885">
            <v>0.97030000000000005</v>
          </cell>
          <cell r="AT4885">
            <v>2011</v>
          </cell>
          <cell r="AU4885">
            <v>5</v>
          </cell>
        </row>
        <row r="4886">
          <cell r="C4886">
            <v>0.97729999999999995</v>
          </cell>
          <cell r="AT4886">
            <v>2011</v>
          </cell>
          <cell r="AU4886">
            <v>5</v>
          </cell>
        </row>
        <row r="4887">
          <cell r="C4887">
            <v>0.97230000000000005</v>
          </cell>
          <cell r="AT4887">
            <v>2011</v>
          </cell>
          <cell r="AU4887">
            <v>5</v>
          </cell>
        </row>
        <row r="4888">
          <cell r="C4888">
            <v>0.97009999999999996</v>
          </cell>
          <cell r="AT4888">
            <v>2011</v>
          </cell>
          <cell r="AU4888">
            <v>5</v>
          </cell>
        </row>
        <row r="4889">
          <cell r="C4889">
            <v>0.97350000000000003</v>
          </cell>
          <cell r="AT4889">
            <v>2011</v>
          </cell>
          <cell r="AU4889">
            <v>5</v>
          </cell>
        </row>
        <row r="4890">
          <cell r="C4890">
            <v>0.97350000000000003</v>
          </cell>
          <cell r="AT4890">
            <v>2011</v>
          </cell>
          <cell r="AU4890">
            <v>5</v>
          </cell>
        </row>
        <row r="4891">
          <cell r="C4891">
            <v>0.97350000000000003</v>
          </cell>
          <cell r="AT4891">
            <v>2011</v>
          </cell>
          <cell r="AU4891">
            <v>5</v>
          </cell>
        </row>
        <row r="4892">
          <cell r="C4892">
            <v>0.97350000000000003</v>
          </cell>
          <cell r="AT4892">
            <v>2011</v>
          </cell>
          <cell r="AU4892">
            <v>5</v>
          </cell>
        </row>
        <row r="4893">
          <cell r="C4893">
            <v>0.97740000000000005</v>
          </cell>
          <cell r="AT4893">
            <v>2011</v>
          </cell>
          <cell r="AU4893">
            <v>5</v>
          </cell>
        </row>
        <row r="4894">
          <cell r="C4894">
            <v>0.97650000000000003</v>
          </cell>
          <cell r="AT4894">
            <v>2011</v>
          </cell>
          <cell r="AU4894">
            <v>5</v>
          </cell>
        </row>
        <row r="4895">
          <cell r="C4895">
            <v>0.98089999999999999</v>
          </cell>
          <cell r="AT4895">
            <v>2011</v>
          </cell>
          <cell r="AU4895">
            <v>5</v>
          </cell>
        </row>
        <row r="4896">
          <cell r="C4896">
            <v>0.97709999999999997</v>
          </cell>
          <cell r="AT4896">
            <v>2011</v>
          </cell>
          <cell r="AU4896">
            <v>5</v>
          </cell>
        </row>
        <row r="4897">
          <cell r="C4897">
            <v>0.97709999999999997</v>
          </cell>
          <cell r="AT4897">
            <v>2011</v>
          </cell>
          <cell r="AU4897">
            <v>5</v>
          </cell>
        </row>
        <row r="4898">
          <cell r="C4898">
            <v>0.97709999999999997</v>
          </cell>
          <cell r="AT4898">
            <v>2011</v>
          </cell>
          <cell r="AU4898">
            <v>5</v>
          </cell>
        </row>
        <row r="4899">
          <cell r="C4899">
            <v>0.97709999999999997</v>
          </cell>
          <cell r="AT4899">
            <v>2011</v>
          </cell>
          <cell r="AU4899">
            <v>5</v>
          </cell>
        </row>
        <row r="4900">
          <cell r="C4900">
            <v>0.96879999999999999</v>
          </cell>
          <cell r="AT4900">
            <v>2011</v>
          </cell>
          <cell r="AU4900">
            <v>6</v>
          </cell>
        </row>
        <row r="4901">
          <cell r="C4901">
            <v>0.97140000000000004</v>
          </cell>
          <cell r="AT4901">
            <v>2011</v>
          </cell>
          <cell r="AU4901">
            <v>6</v>
          </cell>
        </row>
        <row r="4902">
          <cell r="C4902">
            <v>0.97929999999999995</v>
          </cell>
          <cell r="AT4902">
            <v>2011</v>
          </cell>
          <cell r="AU4902">
            <v>6</v>
          </cell>
        </row>
        <row r="4903">
          <cell r="C4903">
            <v>0.97699999999999998</v>
          </cell>
          <cell r="AT4903">
            <v>2011</v>
          </cell>
          <cell r="AU4903">
            <v>6</v>
          </cell>
        </row>
        <row r="4904">
          <cell r="C4904">
            <v>0.97699999999999998</v>
          </cell>
          <cell r="AT4904">
            <v>2011</v>
          </cell>
          <cell r="AU4904">
            <v>6</v>
          </cell>
        </row>
        <row r="4905">
          <cell r="C4905">
            <v>0.97699999999999998</v>
          </cell>
          <cell r="AT4905">
            <v>2011</v>
          </cell>
          <cell r="AU4905">
            <v>6</v>
          </cell>
        </row>
        <row r="4906">
          <cell r="C4906">
            <v>0.97850000000000004</v>
          </cell>
          <cell r="AT4906">
            <v>2011</v>
          </cell>
          <cell r="AU4906">
            <v>6</v>
          </cell>
        </row>
        <row r="4907">
          <cell r="C4907">
            <v>0.97450000000000003</v>
          </cell>
          <cell r="AT4907">
            <v>2011</v>
          </cell>
          <cell r="AU4907">
            <v>6</v>
          </cell>
        </row>
        <row r="4908">
          <cell r="C4908">
            <v>0.97799999999999998</v>
          </cell>
          <cell r="AT4908">
            <v>2011</v>
          </cell>
          <cell r="AU4908">
            <v>6</v>
          </cell>
        </row>
        <row r="4909">
          <cell r="C4909">
            <v>0.97319999999999995</v>
          </cell>
          <cell r="AT4909">
            <v>2011</v>
          </cell>
          <cell r="AU4909">
            <v>6</v>
          </cell>
        </row>
        <row r="4910">
          <cell r="C4910">
            <v>0.9768</v>
          </cell>
          <cell r="AT4910">
            <v>2011</v>
          </cell>
          <cell r="AU4910">
            <v>6</v>
          </cell>
        </row>
        <row r="4911">
          <cell r="C4911">
            <v>0.9768</v>
          </cell>
          <cell r="AT4911">
            <v>2011</v>
          </cell>
          <cell r="AU4911">
            <v>6</v>
          </cell>
        </row>
        <row r="4912">
          <cell r="C4912">
            <v>0.9768</v>
          </cell>
          <cell r="AT4912">
            <v>2011</v>
          </cell>
          <cell r="AU4912">
            <v>6</v>
          </cell>
        </row>
        <row r="4913">
          <cell r="C4913">
            <v>0.97789999999999999</v>
          </cell>
          <cell r="AT4913">
            <v>2011</v>
          </cell>
          <cell r="AU4913">
            <v>6</v>
          </cell>
        </row>
        <row r="4914">
          <cell r="C4914">
            <v>0.96860000000000002</v>
          </cell>
          <cell r="AT4914">
            <v>2011</v>
          </cell>
          <cell r="AU4914">
            <v>6</v>
          </cell>
        </row>
        <row r="4915">
          <cell r="C4915">
            <v>0.97799999999999998</v>
          </cell>
          <cell r="AT4915">
            <v>2011</v>
          </cell>
          <cell r="AU4915">
            <v>6</v>
          </cell>
        </row>
        <row r="4916">
          <cell r="C4916">
            <v>0.98429999999999995</v>
          </cell>
          <cell r="AT4916">
            <v>2011</v>
          </cell>
          <cell r="AU4916">
            <v>6</v>
          </cell>
        </row>
        <row r="4917">
          <cell r="C4917">
            <v>0.97970000000000002</v>
          </cell>
          <cell r="AT4917">
            <v>2011</v>
          </cell>
          <cell r="AU4917">
            <v>6</v>
          </cell>
        </row>
        <row r="4918">
          <cell r="C4918">
            <v>0.97970000000000002</v>
          </cell>
          <cell r="AT4918">
            <v>2011</v>
          </cell>
          <cell r="AU4918">
            <v>6</v>
          </cell>
        </row>
        <row r="4919">
          <cell r="C4919">
            <v>0.97970000000000002</v>
          </cell>
          <cell r="AT4919">
            <v>2011</v>
          </cell>
          <cell r="AU4919">
            <v>6</v>
          </cell>
        </row>
        <row r="4920">
          <cell r="C4920">
            <v>0.97850000000000004</v>
          </cell>
          <cell r="AT4920">
            <v>2011</v>
          </cell>
          <cell r="AU4920">
            <v>6</v>
          </cell>
        </row>
        <row r="4921">
          <cell r="C4921">
            <v>0.97850000000000004</v>
          </cell>
          <cell r="AT4921">
            <v>2011</v>
          </cell>
          <cell r="AU4921">
            <v>6</v>
          </cell>
        </row>
        <row r="4922">
          <cell r="C4922">
            <v>0.97240000000000004</v>
          </cell>
          <cell r="AT4922">
            <v>2011</v>
          </cell>
          <cell r="AU4922">
            <v>6</v>
          </cell>
        </row>
        <row r="4923">
          <cell r="C4923">
            <v>0.97260000000000002</v>
          </cell>
          <cell r="AT4923">
            <v>2011</v>
          </cell>
          <cell r="AU4923">
            <v>6</v>
          </cell>
        </row>
        <row r="4924">
          <cell r="C4924">
            <v>0.97989999999999999</v>
          </cell>
          <cell r="AT4924">
            <v>2011</v>
          </cell>
          <cell r="AU4924">
            <v>6</v>
          </cell>
        </row>
        <row r="4925">
          <cell r="C4925">
            <v>0.9849</v>
          </cell>
          <cell r="AT4925">
            <v>2011</v>
          </cell>
          <cell r="AU4925">
            <v>6</v>
          </cell>
        </row>
        <row r="4926">
          <cell r="C4926">
            <v>0.9849</v>
          </cell>
          <cell r="AT4926">
            <v>2011</v>
          </cell>
          <cell r="AU4926">
            <v>6</v>
          </cell>
        </row>
        <row r="4927">
          <cell r="C4927">
            <v>0.9849</v>
          </cell>
          <cell r="AT4927">
            <v>2011</v>
          </cell>
          <cell r="AU4927">
            <v>6</v>
          </cell>
        </row>
        <row r="4928">
          <cell r="C4928">
            <v>0.98609999999999998</v>
          </cell>
          <cell r="AT4928">
            <v>2011</v>
          </cell>
          <cell r="AU4928">
            <v>6</v>
          </cell>
        </row>
        <row r="4929">
          <cell r="C4929">
            <v>0.98209999999999997</v>
          </cell>
          <cell r="AT4929">
            <v>2011</v>
          </cell>
          <cell r="AU4929">
            <v>6</v>
          </cell>
        </row>
        <row r="4930">
          <cell r="C4930">
            <v>0.97050000000000003</v>
          </cell>
          <cell r="AT4930">
            <v>2011</v>
          </cell>
          <cell r="AU4930">
            <v>6</v>
          </cell>
        </row>
        <row r="4931">
          <cell r="C4931">
            <v>0.96430000000000005</v>
          </cell>
          <cell r="AT4931">
            <v>2011</v>
          </cell>
          <cell r="AU4931">
            <v>7</v>
          </cell>
        </row>
        <row r="4932">
          <cell r="C4932">
            <v>0.96430000000000005</v>
          </cell>
          <cell r="AT4932">
            <v>2011</v>
          </cell>
          <cell r="AU4932">
            <v>7</v>
          </cell>
        </row>
        <row r="4933">
          <cell r="C4933">
            <v>0.96430000000000005</v>
          </cell>
          <cell r="AT4933">
            <v>2011</v>
          </cell>
          <cell r="AU4933">
            <v>7</v>
          </cell>
        </row>
        <row r="4934">
          <cell r="C4934">
            <v>0.96430000000000005</v>
          </cell>
          <cell r="AT4934">
            <v>2011</v>
          </cell>
          <cell r="AU4934">
            <v>7</v>
          </cell>
        </row>
        <row r="4935">
          <cell r="C4935">
            <v>0.95979999999999999</v>
          </cell>
          <cell r="AT4935">
            <v>2011</v>
          </cell>
          <cell r="AU4935">
            <v>7</v>
          </cell>
        </row>
        <row r="4936">
          <cell r="C4936">
            <v>0.96079999999999999</v>
          </cell>
          <cell r="AT4936">
            <v>2011</v>
          </cell>
          <cell r="AU4936">
            <v>7</v>
          </cell>
        </row>
        <row r="4937">
          <cell r="C4937">
            <v>0.9657</v>
          </cell>
          <cell r="AT4937">
            <v>2011</v>
          </cell>
          <cell r="AU4937">
            <v>7</v>
          </cell>
        </row>
        <row r="4938">
          <cell r="C4938">
            <v>0.95860000000000001</v>
          </cell>
          <cell r="AT4938">
            <v>2011</v>
          </cell>
          <cell r="AU4938">
            <v>7</v>
          </cell>
        </row>
        <row r="4939">
          <cell r="C4939">
            <v>0.9627</v>
          </cell>
          <cell r="AT4939">
            <v>2011</v>
          </cell>
          <cell r="AU4939">
            <v>7</v>
          </cell>
        </row>
        <row r="4940">
          <cell r="C4940">
            <v>0.9627</v>
          </cell>
          <cell r="AT4940">
            <v>2011</v>
          </cell>
          <cell r="AU4940">
            <v>7</v>
          </cell>
        </row>
        <row r="4941">
          <cell r="C4941">
            <v>0.9627</v>
          </cell>
          <cell r="AT4941">
            <v>2011</v>
          </cell>
          <cell r="AU4941">
            <v>7</v>
          </cell>
        </row>
        <row r="4942">
          <cell r="C4942">
            <v>0.96660000000000001</v>
          </cell>
          <cell r="AT4942">
            <v>2011</v>
          </cell>
          <cell r="AU4942">
            <v>7</v>
          </cell>
        </row>
        <row r="4943">
          <cell r="C4943">
            <v>0.96679999999999999</v>
          </cell>
          <cell r="AT4943">
            <v>2011</v>
          </cell>
          <cell r="AU4943">
            <v>7</v>
          </cell>
        </row>
        <row r="4944">
          <cell r="C4944">
            <v>0.95820000000000005</v>
          </cell>
          <cell r="AT4944">
            <v>2011</v>
          </cell>
          <cell r="AU4944">
            <v>7</v>
          </cell>
        </row>
        <row r="4945">
          <cell r="C4945">
            <v>0.95850000000000002</v>
          </cell>
          <cell r="AT4945">
            <v>2011</v>
          </cell>
          <cell r="AU4945">
            <v>7</v>
          </cell>
        </row>
        <row r="4946">
          <cell r="C4946">
            <v>0.9536</v>
          </cell>
          <cell r="AT4946">
            <v>2011</v>
          </cell>
          <cell r="AU4946">
            <v>7</v>
          </cell>
        </row>
        <row r="4947">
          <cell r="C4947">
            <v>0.9536</v>
          </cell>
          <cell r="AT4947">
            <v>2011</v>
          </cell>
          <cell r="AU4947">
            <v>7</v>
          </cell>
        </row>
        <row r="4948">
          <cell r="C4948">
            <v>0.9536</v>
          </cell>
          <cell r="AT4948">
            <v>2011</v>
          </cell>
          <cell r="AU4948">
            <v>7</v>
          </cell>
        </row>
        <row r="4949">
          <cell r="C4949">
            <v>0.96150000000000002</v>
          </cell>
          <cell r="AT4949">
            <v>2011</v>
          </cell>
          <cell r="AU4949">
            <v>7</v>
          </cell>
        </row>
        <row r="4950">
          <cell r="C4950">
            <v>0.9506</v>
          </cell>
          <cell r="AT4950">
            <v>2011</v>
          </cell>
          <cell r="AU4950">
            <v>7</v>
          </cell>
        </row>
        <row r="4951">
          <cell r="C4951">
            <v>0.94789999999999996</v>
          </cell>
          <cell r="AT4951">
            <v>2011</v>
          </cell>
          <cell r="AU4951">
            <v>7</v>
          </cell>
        </row>
        <row r="4952">
          <cell r="C4952">
            <v>0.94510000000000005</v>
          </cell>
          <cell r="AT4952">
            <v>2011</v>
          </cell>
          <cell r="AU4952">
            <v>7</v>
          </cell>
        </row>
        <row r="4953">
          <cell r="C4953">
            <v>0.95020000000000004</v>
          </cell>
          <cell r="AT4953">
            <v>2011</v>
          </cell>
          <cell r="AU4953">
            <v>7</v>
          </cell>
        </row>
        <row r="4954">
          <cell r="C4954">
            <v>0.95020000000000004</v>
          </cell>
          <cell r="AT4954">
            <v>2011</v>
          </cell>
          <cell r="AU4954">
            <v>7</v>
          </cell>
        </row>
        <row r="4955">
          <cell r="C4955">
            <v>0.95020000000000004</v>
          </cell>
          <cell r="AT4955">
            <v>2011</v>
          </cell>
          <cell r="AU4955">
            <v>7</v>
          </cell>
        </row>
        <row r="4956">
          <cell r="C4956">
            <v>0.94489999999999996</v>
          </cell>
          <cell r="AT4956">
            <v>2011</v>
          </cell>
          <cell r="AU4956">
            <v>7</v>
          </cell>
        </row>
        <row r="4957">
          <cell r="C4957">
            <v>0.94489999999999996</v>
          </cell>
          <cell r="AT4957">
            <v>2011</v>
          </cell>
          <cell r="AU4957">
            <v>7</v>
          </cell>
        </row>
        <row r="4958">
          <cell r="C4958">
            <v>0.94740000000000002</v>
          </cell>
          <cell r="AT4958">
            <v>2011</v>
          </cell>
          <cell r="AU4958">
            <v>7</v>
          </cell>
        </row>
        <row r="4959">
          <cell r="C4959">
            <v>0.94840000000000002</v>
          </cell>
          <cell r="AT4959">
            <v>2011</v>
          </cell>
          <cell r="AU4959">
            <v>7</v>
          </cell>
        </row>
        <row r="4960">
          <cell r="C4960">
            <v>0.95379999999999998</v>
          </cell>
          <cell r="AT4960">
            <v>2011</v>
          </cell>
          <cell r="AU4960">
            <v>7</v>
          </cell>
        </row>
        <row r="4961">
          <cell r="C4961">
            <v>0.95379999999999998</v>
          </cell>
          <cell r="AT4961">
            <v>2011</v>
          </cell>
          <cell r="AU4961">
            <v>7</v>
          </cell>
        </row>
        <row r="4962">
          <cell r="C4962">
            <v>0.95379999999999998</v>
          </cell>
          <cell r="AT4962">
            <v>2011</v>
          </cell>
          <cell r="AU4962">
            <v>8</v>
          </cell>
        </row>
        <row r="4963">
          <cell r="C4963">
            <v>0.95379999999999998</v>
          </cell>
          <cell r="AT4963">
            <v>2011</v>
          </cell>
          <cell r="AU4963">
            <v>8</v>
          </cell>
        </row>
        <row r="4964">
          <cell r="C4964">
            <v>0.95799999999999996</v>
          </cell>
          <cell r="AT4964">
            <v>2011</v>
          </cell>
          <cell r="AU4964">
            <v>8</v>
          </cell>
        </row>
        <row r="4965">
          <cell r="C4965">
            <v>0.96340000000000003</v>
          </cell>
          <cell r="AT4965">
            <v>2011</v>
          </cell>
          <cell r="AU4965">
            <v>8</v>
          </cell>
        </row>
        <row r="4966">
          <cell r="C4966">
            <v>0.97670000000000001</v>
          </cell>
          <cell r="AT4966">
            <v>2011</v>
          </cell>
          <cell r="AU4966">
            <v>8</v>
          </cell>
        </row>
        <row r="4967">
          <cell r="C4967">
            <v>0.98429999999999995</v>
          </cell>
          <cell r="AT4967">
            <v>2011</v>
          </cell>
          <cell r="AU4967">
            <v>8</v>
          </cell>
        </row>
        <row r="4968">
          <cell r="C4968">
            <v>0.98429999999999995</v>
          </cell>
          <cell r="AT4968">
            <v>2011</v>
          </cell>
          <cell r="AU4968">
            <v>8</v>
          </cell>
        </row>
        <row r="4969">
          <cell r="C4969">
            <v>0.98429999999999995</v>
          </cell>
          <cell r="AT4969">
            <v>2011</v>
          </cell>
          <cell r="AU4969">
            <v>8</v>
          </cell>
        </row>
        <row r="4970">
          <cell r="C4970">
            <v>0.98899999999999999</v>
          </cell>
          <cell r="AT4970">
            <v>2011</v>
          </cell>
          <cell r="AU4970">
            <v>8</v>
          </cell>
        </row>
        <row r="4971">
          <cell r="C4971">
            <v>0.98929999999999996</v>
          </cell>
          <cell r="AT4971">
            <v>2011</v>
          </cell>
          <cell r="AU4971">
            <v>8</v>
          </cell>
        </row>
        <row r="4972">
          <cell r="C4972">
            <v>0.99099999999999999</v>
          </cell>
          <cell r="AT4972">
            <v>2011</v>
          </cell>
          <cell r="AU4972">
            <v>8</v>
          </cell>
        </row>
        <row r="4973">
          <cell r="C4973">
            <v>0.98919999999999997</v>
          </cell>
          <cell r="AT4973">
            <v>2011</v>
          </cell>
          <cell r="AU4973">
            <v>8</v>
          </cell>
        </row>
        <row r="4974">
          <cell r="C4974">
            <v>0.9879</v>
          </cell>
          <cell r="AT4974">
            <v>2011</v>
          </cell>
          <cell r="AU4974">
            <v>8</v>
          </cell>
        </row>
        <row r="4975">
          <cell r="C4975">
            <v>0.9879</v>
          </cell>
          <cell r="AT4975">
            <v>2011</v>
          </cell>
          <cell r="AU4975">
            <v>8</v>
          </cell>
        </row>
        <row r="4976">
          <cell r="C4976">
            <v>0.9879</v>
          </cell>
          <cell r="AT4976">
            <v>2011</v>
          </cell>
          <cell r="AU4976">
            <v>8</v>
          </cell>
        </row>
        <row r="4977">
          <cell r="C4977">
            <v>0.98380000000000001</v>
          </cell>
          <cell r="AT4977">
            <v>2011</v>
          </cell>
          <cell r="AU4977">
            <v>8</v>
          </cell>
        </row>
        <row r="4978">
          <cell r="C4978">
            <v>0.98170000000000002</v>
          </cell>
          <cell r="AT4978">
            <v>2011</v>
          </cell>
          <cell r="AU4978">
            <v>8</v>
          </cell>
        </row>
        <row r="4979">
          <cell r="C4979">
            <v>0.98199999999999998</v>
          </cell>
          <cell r="AT4979">
            <v>2011</v>
          </cell>
          <cell r="AU4979">
            <v>8</v>
          </cell>
        </row>
        <row r="4980">
          <cell r="C4980">
            <v>0.99009999999999998</v>
          </cell>
          <cell r="AT4980">
            <v>2011</v>
          </cell>
          <cell r="AU4980">
            <v>8</v>
          </cell>
        </row>
        <row r="4981">
          <cell r="C4981">
            <v>0.9849</v>
          </cell>
          <cell r="AT4981">
            <v>2011</v>
          </cell>
          <cell r="AU4981">
            <v>8</v>
          </cell>
        </row>
        <row r="4982">
          <cell r="C4982">
            <v>0.9849</v>
          </cell>
          <cell r="AT4982">
            <v>2011</v>
          </cell>
          <cell r="AU4982">
            <v>8</v>
          </cell>
        </row>
        <row r="4983">
          <cell r="C4983">
            <v>0.9849</v>
          </cell>
          <cell r="AT4983">
            <v>2011</v>
          </cell>
          <cell r="AU4983">
            <v>8</v>
          </cell>
        </row>
        <row r="4984">
          <cell r="C4984">
            <v>0.99009999999999998</v>
          </cell>
          <cell r="AT4984">
            <v>2011</v>
          </cell>
          <cell r="AU4984">
            <v>8</v>
          </cell>
        </row>
        <row r="4985">
          <cell r="C4985">
            <v>0.98770000000000002</v>
          </cell>
          <cell r="AT4985">
            <v>2011</v>
          </cell>
          <cell r="AU4985">
            <v>8</v>
          </cell>
        </row>
        <row r="4986">
          <cell r="C4986">
            <v>0.98799999999999999</v>
          </cell>
          <cell r="AT4986">
            <v>2011</v>
          </cell>
          <cell r="AU4986">
            <v>8</v>
          </cell>
        </row>
        <row r="4987">
          <cell r="C4987">
            <v>0.98429999999999995</v>
          </cell>
          <cell r="AT4987">
            <v>2011</v>
          </cell>
          <cell r="AU4987">
            <v>8</v>
          </cell>
        </row>
        <row r="4988">
          <cell r="C4988">
            <v>0.98529999999999995</v>
          </cell>
          <cell r="AT4988">
            <v>2011</v>
          </cell>
          <cell r="AU4988">
            <v>8</v>
          </cell>
        </row>
        <row r="4989">
          <cell r="C4989">
            <v>0.98529999999999995</v>
          </cell>
          <cell r="AT4989">
            <v>2011</v>
          </cell>
          <cell r="AU4989">
            <v>8</v>
          </cell>
        </row>
        <row r="4990">
          <cell r="C4990">
            <v>0.98529999999999995</v>
          </cell>
          <cell r="AT4990">
            <v>2011</v>
          </cell>
          <cell r="AU4990">
            <v>8</v>
          </cell>
        </row>
        <row r="4991">
          <cell r="C4991">
            <v>0.97799999999999998</v>
          </cell>
          <cell r="AT4991">
            <v>2011</v>
          </cell>
          <cell r="AU4991">
            <v>8</v>
          </cell>
        </row>
        <row r="4992">
          <cell r="C4992">
            <v>0.97929999999999995</v>
          </cell>
          <cell r="AT4992">
            <v>2011</v>
          </cell>
          <cell r="AU4992">
            <v>8</v>
          </cell>
        </row>
        <row r="4993">
          <cell r="C4993">
            <v>0.97840000000000005</v>
          </cell>
          <cell r="AT4993">
            <v>2011</v>
          </cell>
          <cell r="AU4993">
            <v>9</v>
          </cell>
        </row>
        <row r="4994">
          <cell r="C4994">
            <v>0.97519999999999996</v>
          </cell>
          <cell r="AT4994">
            <v>2011</v>
          </cell>
          <cell r="AU4994">
            <v>9</v>
          </cell>
        </row>
        <row r="4995">
          <cell r="C4995">
            <v>0.98150000000000004</v>
          </cell>
          <cell r="AT4995">
            <v>2011</v>
          </cell>
          <cell r="AU4995">
            <v>9</v>
          </cell>
        </row>
        <row r="4996">
          <cell r="C4996">
            <v>0.98150000000000004</v>
          </cell>
          <cell r="AT4996">
            <v>2011</v>
          </cell>
          <cell r="AU4996">
            <v>9</v>
          </cell>
        </row>
        <row r="4997">
          <cell r="C4997">
            <v>0.98150000000000004</v>
          </cell>
          <cell r="AT4997">
            <v>2011</v>
          </cell>
          <cell r="AU4997">
            <v>9</v>
          </cell>
        </row>
        <row r="4998">
          <cell r="C4998">
            <v>0.98150000000000004</v>
          </cell>
          <cell r="AT4998">
            <v>2011</v>
          </cell>
          <cell r="AU4998">
            <v>9</v>
          </cell>
        </row>
        <row r="4999">
          <cell r="C4999">
            <v>0.99099999999999999</v>
          </cell>
          <cell r="AT4999">
            <v>2011</v>
          </cell>
          <cell r="AU4999">
            <v>9</v>
          </cell>
        </row>
        <row r="5000">
          <cell r="C5000">
            <v>0.98829999999999996</v>
          </cell>
          <cell r="AT5000">
            <v>2011</v>
          </cell>
          <cell r="AU5000">
            <v>9</v>
          </cell>
        </row>
        <row r="5001">
          <cell r="C5001">
            <v>0.9859</v>
          </cell>
          <cell r="AT5001">
            <v>2011</v>
          </cell>
          <cell r="AU5001">
            <v>9</v>
          </cell>
        </row>
        <row r="5002">
          <cell r="C5002">
            <v>0.99709999999999999</v>
          </cell>
          <cell r="AT5002">
            <v>2011</v>
          </cell>
          <cell r="AU5002">
            <v>9</v>
          </cell>
        </row>
        <row r="5003">
          <cell r="C5003">
            <v>0.99709999999999999</v>
          </cell>
          <cell r="AT5003">
            <v>2011</v>
          </cell>
          <cell r="AU5003">
            <v>9</v>
          </cell>
        </row>
        <row r="5004">
          <cell r="C5004">
            <v>0.99709999999999999</v>
          </cell>
          <cell r="AT5004">
            <v>2011</v>
          </cell>
          <cell r="AU5004">
            <v>9</v>
          </cell>
        </row>
        <row r="5005">
          <cell r="C5005">
            <v>0.99570000000000003</v>
          </cell>
          <cell r="AT5005">
            <v>2011</v>
          </cell>
          <cell r="AU5005">
            <v>9</v>
          </cell>
        </row>
        <row r="5006">
          <cell r="C5006">
            <v>0.99019999999999997</v>
          </cell>
          <cell r="AT5006">
            <v>2011</v>
          </cell>
          <cell r="AU5006">
            <v>9</v>
          </cell>
        </row>
        <row r="5007">
          <cell r="C5007">
            <v>0.99129999999999996</v>
          </cell>
          <cell r="AT5007">
            <v>2011</v>
          </cell>
          <cell r="AU5007">
            <v>9</v>
          </cell>
        </row>
        <row r="5008">
          <cell r="C5008">
            <v>0.9869</v>
          </cell>
          <cell r="AT5008">
            <v>2011</v>
          </cell>
          <cell r="AU5008">
            <v>9</v>
          </cell>
        </row>
        <row r="5009">
          <cell r="C5009">
            <v>0.98140000000000005</v>
          </cell>
          <cell r="AT5009">
            <v>2011</v>
          </cell>
          <cell r="AU5009">
            <v>9</v>
          </cell>
        </row>
        <row r="5010">
          <cell r="C5010">
            <v>0.98140000000000005</v>
          </cell>
          <cell r="AT5010">
            <v>2011</v>
          </cell>
          <cell r="AU5010">
            <v>9</v>
          </cell>
        </row>
        <row r="5011">
          <cell r="C5011">
            <v>0.98140000000000005</v>
          </cell>
          <cell r="AT5011">
            <v>2011</v>
          </cell>
          <cell r="AU5011">
            <v>9</v>
          </cell>
        </row>
        <row r="5012">
          <cell r="C5012">
            <v>0.98980000000000001</v>
          </cell>
          <cell r="AT5012">
            <v>2011</v>
          </cell>
          <cell r="AU5012">
            <v>9</v>
          </cell>
        </row>
        <row r="5013">
          <cell r="C5013">
            <v>0.99239999999999995</v>
          </cell>
          <cell r="AT5013">
            <v>2011</v>
          </cell>
          <cell r="AU5013">
            <v>9</v>
          </cell>
        </row>
        <row r="5014">
          <cell r="C5014">
            <v>0.99860000000000004</v>
          </cell>
          <cell r="AT5014">
            <v>2011</v>
          </cell>
          <cell r="AU5014">
            <v>9</v>
          </cell>
        </row>
        <row r="5015">
          <cell r="C5015">
            <v>1.0328999999999999</v>
          </cell>
          <cell r="AT5015">
            <v>2011</v>
          </cell>
          <cell r="AU5015">
            <v>9</v>
          </cell>
        </row>
        <row r="5016">
          <cell r="C5016">
            <v>1.0282</v>
          </cell>
          <cell r="AT5016">
            <v>2011</v>
          </cell>
          <cell r="AU5016">
            <v>9</v>
          </cell>
        </row>
        <row r="5017">
          <cell r="C5017">
            <v>1.0282</v>
          </cell>
          <cell r="AT5017">
            <v>2011</v>
          </cell>
          <cell r="AU5017">
            <v>9</v>
          </cell>
        </row>
        <row r="5018">
          <cell r="C5018">
            <v>1.0282</v>
          </cell>
          <cell r="AT5018">
            <v>2011</v>
          </cell>
          <cell r="AU5018">
            <v>9</v>
          </cell>
        </row>
        <row r="5019">
          <cell r="C5019">
            <v>1.0339</v>
          </cell>
          <cell r="AT5019">
            <v>2011</v>
          </cell>
          <cell r="AU5019">
            <v>9</v>
          </cell>
        </row>
        <row r="5020">
          <cell r="C5020">
            <v>1.0190999999999999</v>
          </cell>
          <cell r="AT5020">
            <v>2011</v>
          </cell>
          <cell r="AU5020">
            <v>9</v>
          </cell>
        </row>
        <row r="5021">
          <cell r="C5021">
            <v>1.0225</v>
          </cell>
          <cell r="AT5021">
            <v>2011</v>
          </cell>
          <cell r="AU5021">
            <v>9</v>
          </cell>
        </row>
        <row r="5022">
          <cell r="C5022">
            <v>1.0338000000000001</v>
          </cell>
          <cell r="AT5022">
            <v>2011</v>
          </cell>
          <cell r="AU5022">
            <v>9</v>
          </cell>
        </row>
        <row r="5023">
          <cell r="C5023">
            <v>1.0388999999999999</v>
          </cell>
          <cell r="AT5023">
            <v>2011</v>
          </cell>
          <cell r="AU5023">
            <v>10</v>
          </cell>
        </row>
        <row r="5024">
          <cell r="C5024">
            <v>1.0388999999999999</v>
          </cell>
          <cell r="AT5024">
            <v>2011</v>
          </cell>
          <cell r="AU5024">
            <v>10</v>
          </cell>
        </row>
        <row r="5025">
          <cell r="C5025">
            <v>1.0388999999999999</v>
          </cell>
          <cell r="AT5025">
            <v>2011</v>
          </cell>
          <cell r="AU5025">
            <v>10</v>
          </cell>
        </row>
        <row r="5026">
          <cell r="C5026">
            <v>1.044</v>
          </cell>
          <cell r="AT5026">
            <v>2011</v>
          </cell>
          <cell r="AU5026">
            <v>10</v>
          </cell>
        </row>
        <row r="5027">
          <cell r="C5027">
            <v>1.0604</v>
          </cell>
          <cell r="AT5027">
            <v>2011</v>
          </cell>
          <cell r="AU5027">
            <v>10</v>
          </cell>
        </row>
        <row r="5028">
          <cell r="C5028">
            <v>1.0448999999999999</v>
          </cell>
          <cell r="AT5028">
            <v>2011</v>
          </cell>
          <cell r="AU5028">
            <v>10</v>
          </cell>
        </row>
        <row r="5029">
          <cell r="C5029">
            <v>1.0429999999999999</v>
          </cell>
          <cell r="AT5029">
            <v>2011</v>
          </cell>
          <cell r="AU5029">
            <v>10</v>
          </cell>
        </row>
        <row r="5030">
          <cell r="C5030">
            <v>1.0327999999999999</v>
          </cell>
          <cell r="AT5030">
            <v>2011</v>
          </cell>
          <cell r="AU5030">
            <v>10</v>
          </cell>
        </row>
        <row r="5031">
          <cell r="C5031">
            <v>1.0327999999999999</v>
          </cell>
          <cell r="AT5031">
            <v>2011</v>
          </cell>
          <cell r="AU5031">
            <v>10</v>
          </cell>
        </row>
        <row r="5032">
          <cell r="C5032">
            <v>1.0327999999999999</v>
          </cell>
          <cell r="AT5032">
            <v>2011</v>
          </cell>
          <cell r="AU5032">
            <v>10</v>
          </cell>
        </row>
        <row r="5033">
          <cell r="C5033">
            <v>1.0327999999999999</v>
          </cell>
          <cell r="AT5033">
            <v>2011</v>
          </cell>
          <cell r="AU5033">
            <v>10</v>
          </cell>
        </row>
        <row r="5034">
          <cell r="C5034">
            <v>1.0286999999999999</v>
          </cell>
          <cell r="AT5034">
            <v>2011</v>
          </cell>
          <cell r="AU5034">
            <v>10</v>
          </cell>
        </row>
        <row r="5035">
          <cell r="C5035">
            <v>1.0164</v>
          </cell>
          <cell r="AT5035">
            <v>2011</v>
          </cell>
          <cell r="AU5035">
            <v>10</v>
          </cell>
        </row>
        <row r="5036">
          <cell r="C5036">
            <v>1.0238</v>
          </cell>
          <cell r="AT5036">
            <v>2011</v>
          </cell>
          <cell r="AU5036">
            <v>10</v>
          </cell>
        </row>
        <row r="5037">
          <cell r="C5037">
            <v>1.0146999999999999</v>
          </cell>
          <cell r="AT5037">
            <v>2011</v>
          </cell>
          <cell r="AU5037">
            <v>10</v>
          </cell>
        </row>
        <row r="5038">
          <cell r="C5038">
            <v>1.0146999999999999</v>
          </cell>
          <cell r="AT5038">
            <v>2011</v>
          </cell>
          <cell r="AU5038">
            <v>10</v>
          </cell>
        </row>
        <row r="5039">
          <cell r="C5039">
            <v>1.0146999999999999</v>
          </cell>
          <cell r="AT5039">
            <v>2011</v>
          </cell>
          <cell r="AU5039">
            <v>10</v>
          </cell>
        </row>
        <row r="5040">
          <cell r="C5040">
            <v>1.0152000000000001</v>
          </cell>
          <cell r="AT5040">
            <v>2011</v>
          </cell>
          <cell r="AU5040">
            <v>10</v>
          </cell>
        </row>
        <row r="5041">
          <cell r="C5041">
            <v>1.0163</v>
          </cell>
          <cell r="AT5041">
            <v>2011</v>
          </cell>
          <cell r="AU5041">
            <v>10</v>
          </cell>
        </row>
        <row r="5042">
          <cell r="C5042">
            <v>1.0136000000000001</v>
          </cell>
          <cell r="AT5042">
            <v>2011</v>
          </cell>
          <cell r="AU5042">
            <v>10</v>
          </cell>
        </row>
        <row r="5043">
          <cell r="C5043">
            <v>1.0218</v>
          </cell>
          <cell r="AT5043">
            <v>2011</v>
          </cell>
          <cell r="AU5043">
            <v>10</v>
          </cell>
        </row>
        <row r="5044">
          <cell r="C5044">
            <v>1.0091000000000001</v>
          </cell>
          <cell r="AT5044">
            <v>2011</v>
          </cell>
          <cell r="AU5044">
            <v>10</v>
          </cell>
        </row>
        <row r="5045">
          <cell r="C5045">
            <v>1.0091000000000001</v>
          </cell>
          <cell r="AT5045">
            <v>2011</v>
          </cell>
          <cell r="AU5045">
            <v>10</v>
          </cell>
        </row>
        <row r="5046">
          <cell r="C5046">
            <v>1.0091000000000001</v>
          </cell>
          <cell r="AT5046">
            <v>2011</v>
          </cell>
          <cell r="AU5046">
            <v>10</v>
          </cell>
        </row>
        <row r="5047">
          <cell r="C5047">
            <v>1.0039</v>
          </cell>
          <cell r="AT5047">
            <v>2011</v>
          </cell>
          <cell r="AU5047">
            <v>10</v>
          </cell>
        </row>
        <row r="5048">
          <cell r="C5048">
            <v>1.0144</v>
          </cell>
          <cell r="AT5048">
            <v>2011</v>
          </cell>
          <cell r="AU5048">
            <v>10</v>
          </cell>
        </row>
        <row r="5049">
          <cell r="C5049">
            <v>1.0101</v>
          </cell>
          <cell r="AT5049">
            <v>2011</v>
          </cell>
          <cell r="AU5049">
            <v>10</v>
          </cell>
        </row>
        <row r="5050">
          <cell r="C5050">
            <v>0.99419999999999997</v>
          </cell>
          <cell r="AT5050">
            <v>2011</v>
          </cell>
          <cell r="AU5050">
            <v>10</v>
          </cell>
        </row>
        <row r="5051">
          <cell r="C5051">
            <v>0.99570000000000003</v>
          </cell>
          <cell r="AT5051">
            <v>2011</v>
          </cell>
          <cell r="AU5051">
            <v>10</v>
          </cell>
        </row>
        <row r="5052">
          <cell r="C5052">
            <v>0.99570000000000003</v>
          </cell>
          <cell r="AT5052">
            <v>2011</v>
          </cell>
          <cell r="AU5052">
            <v>10</v>
          </cell>
        </row>
        <row r="5053">
          <cell r="C5053">
            <v>0.99570000000000003</v>
          </cell>
          <cell r="AT5053">
            <v>2011</v>
          </cell>
          <cell r="AU5053">
            <v>10</v>
          </cell>
        </row>
        <row r="5054">
          <cell r="C5054">
            <v>0.99350000000000005</v>
          </cell>
          <cell r="AT5054">
            <v>2011</v>
          </cell>
          <cell r="AU5054">
            <v>11</v>
          </cell>
        </row>
        <row r="5055">
          <cell r="C5055">
            <v>1.0198</v>
          </cell>
          <cell r="AT5055">
            <v>2011</v>
          </cell>
          <cell r="AU5055">
            <v>11</v>
          </cell>
        </row>
        <row r="5056">
          <cell r="C5056">
            <v>1.0125999999999999</v>
          </cell>
          <cell r="AT5056">
            <v>2011</v>
          </cell>
          <cell r="AU5056">
            <v>11</v>
          </cell>
        </row>
        <row r="5057">
          <cell r="C5057">
            <v>1.0126999999999999</v>
          </cell>
          <cell r="AT5057">
            <v>2011</v>
          </cell>
          <cell r="AU5057">
            <v>11</v>
          </cell>
        </row>
        <row r="5058">
          <cell r="C5058">
            <v>1.018</v>
          </cell>
          <cell r="AT5058">
            <v>2011</v>
          </cell>
          <cell r="AU5058">
            <v>11</v>
          </cell>
        </row>
        <row r="5059">
          <cell r="C5059">
            <v>1.018</v>
          </cell>
          <cell r="AT5059">
            <v>2011</v>
          </cell>
          <cell r="AU5059">
            <v>11</v>
          </cell>
        </row>
        <row r="5060">
          <cell r="C5060">
            <v>1.018</v>
          </cell>
          <cell r="AT5060">
            <v>2011</v>
          </cell>
          <cell r="AU5060">
            <v>11</v>
          </cell>
        </row>
        <row r="5061">
          <cell r="C5061">
            <v>1.0172000000000001</v>
          </cell>
          <cell r="AT5061">
            <v>2011</v>
          </cell>
          <cell r="AU5061">
            <v>11</v>
          </cell>
        </row>
        <row r="5062">
          <cell r="C5062">
            <v>1.014</v>
          </cell>
          <cell r="AT5062">
            <v>2011</v>
          </cell>
          <cell r="AU5062">
            <v>11</v>
          </cell>
        </row>
        <row r="5063">
          <cell r="C5063">
            <v>1.0173000000000001</v>
          </cell>
          <cell r="AT5063">
            <v>2011</v>
          </cell>
          <cell r="AU5063">
            <v>11</v>
          </cell>
        </row>
        <row r="5064">
          <cell r="C5064">
            <v>1.0189999999999999</v>
          </cell>
          <cell r="AT5064">
            <v>2011</v>
          </cell>
          <cell r="AU5064">
            <v>11</v>
          </cell>
        </row>
        <row r="5065">
          <cell r="C5065">
            <v>1.0189999999999999</v>
          </cell>
          <cell r="AT5065">
            <v>2011</v>
          </cell>
          <cell r="AU5065">
            <v>11</v>
          </cell>
        </row>
        <row r="5066">
          <cell r="C5066">
            <v>1.0189999999999999</v>
          </cell>
          <cell r="AT5066">
            <v>2011</v>
          </cell>
          <cell r="AU5066">
            <v>11</v>
          </cell>
        </row>
        <row r="5067">
          <cell r="C5067">
            <v>1.0189999999999999</v>
          </cell>
          <cell r="AT5067">
            <v>2011</v>
          </cell>
          <cell r="AU5067">
            <v>11</v>
          </cell>
        </row>
        <row r="5068">
          <cell r="C5068">
            <v>1.0178</v>
          </cell>
          <cell r="AT5068">
            <v>2011</v>
          </cell>
          <cell r="AU5068">
            <v>11</v>
          </cell>
        </row>
        <row r="5069">
          <cell r="C5069">
            <v>1.0235000000000001</v>
          </cell>
          <cell r="AT5069">
            <v>2011</v>
          </cell>
          <cell r="AU5069">
            <v>11</v>
          </cell>
        </row>
        <row r="5070">
          <cell r="C5070">
            <v>1.0206</v>
          </cell>
          <cell r="AT5070">
            <v>2011</v>
          </cell>
          <cell r="AU5070">
            <v>11</v>
          </cell>
        </row>
        <row r="5071">
          <cell r="C5071">
            <v>1.0226</v>
          </cell>
          <cell r="AT5071">
            <v>2011</v>
          </cell>
          <cell r="AU5071">
            <v>11</v>
          </cell>
        </row>
        <row r="5072">
          <cell r="C5072">
            <v>1.0262</v>
          </cell>
          <cell r="AT5072">
            <v>2011</v>
          </cell>
          <cell r="AU5072">
            <v>11</v>
          </cell>
        </row>
        <row r="5073">
          <cell r="C5073">
            <v>1.0262</v>
          </cell>
          <cell r="AT5073">
            <v>2011</v>
          </cell>
          <cell r="AU5073">
            <v>11</v>
          </cell>
        </row>
        <row r="5074">
          <cell r="C5074">
            <v>1.0262</v>
          </cell>
          <cell r="AT5074">
            <v>2011</v>
          </cell>
          <cell r="AU5074">
            <v>11</v>
          </cell>
        </row>
        <row r="5075">
          <cell r="C5075">
            <v>1.0385</v>
          </cell>
          <cell r="AT5075">
            <v>2011</v>
          </cell>
          <cell r="AU5075">
            <v>11</v>
          </cell>
        </row>
        <row r="5076">
          <cell r="C5076">
            <v>1.0367999999999999</v>
          </cell>
          <cell r="AT5076">
            <v>2011</v>
          </cell>
          <cell r="AU5076">
            <v>11</v>
          </cell>
        </row>
        <row r="5077">
          <cell r="C5077">
            <v>1.048</v>
          </cell>
          <cell r="AT5077">
            <v>2011</v>
          </cell>
          <cell r="AU5077">
            <v>11</v>
          </cell>
        </row>
        <row r="5078">
          <cell r="C5078">
            <v>1.048</v>
          </cell>
          <cell r="AT5078">
            <v>2011</v>
          </cell>
          <cell r="AU5078">
            <v>11</v>
          </cell>
        </row>
        <row r="5079">
          <cell r="C5079">
            <v>1.048</v>
          </cell>
          <cell r="AT5079">
            <v>2011</v>
          </cell>
          <cell r="AU5079">
            <v>11</v>
          </cell>
        </row>
        <row r="5080">
          <cell r="C5080">
            <v>1.048</v>
          </cell>
          <cell r="AT5080">
            <v>2011</v>
          </cell>
          <cell r="AU5080">
            <v>11</v>
          </cell>
        </row>
        <row r="5081">
          <cell r="C5081">
            <v>1.048</v>
          </cell>
          <cell r="AT5081">
            <v>2011</v>
          </cell>
          <cell r="AU5081">
            <v>11</v>
          </cell>
        </row>
        <row r="5082">
          <cell r="C5082">
            <v>1.0327</v>
          </cell>
          <cell r="AT5082">
            <v>2011</v>
          </cell>
          <cell r="AU5082">
            <v>11</v>
          </cell>
        </row>
        <row r="5083">
          <cell r="C5083">
            <v>1.0296000000000001</v>
          </cell>
          <cell r="AT5083">
            <v>2011</v>
          </cell>
          <cell r="AU5083">
            <v>11</v>
          </cell>
        </row>
        <row r="5084">
          <cell r="C5084">
            <v>1.0197000000000001</v>
          </cell>
          <cell r="AT5084">
            <v>2011</v>
          </cell>
          <cell r="AU5084">
            <v>12</v>
          </cell>
        </row>
        <row r="5085">
          <cell r="C5085">
            <v>1.0174000000000001</v>
          </cell>
          <cell r="AT5085">
            <v>2011</v>
          </cell>
          <cell r="AU5085">
            <v>12</v>
          </cell>
        </row>
        <row r="5086">
          <cell r="C5086">
            <v>1.0165</v>
          </cell>
          <cell r="AT5086">
            <v>2011</v>
          </cell>
          <cell r="AU5086">
            <v>12</v>
          </cell>
        </row>
        <row r="5087">
          <cell r="C5087">
            <v>1.0165</v>
          </cell>
          <cell r="AT5087">
            <v>2011</v>
          </cell>
          <cell r="AU5087">
            <v>12</v>
          </cell>
        </row>
        <row r="5088">
          <cell r="C5088">
            <v>1.0165</v>
          </cell>
          <cell r="AT5088">
            <v>2011</v>
          </cell>
          <cell r="AU5088">
            <v>12</v>
          </cell>
        </row>
        <row r="5089">
          <cell r="C5089">
            <v>1.0141</v>
          </cell>
          <cell r="AT5089">
            <v>2011</v>
          </cell>
          <cell r="AU5089">
            <v>12</v>
          </cell>
        </row>
        <row r="5090">
          <cell r="C5090">
            <v>1.0117</v>
          </cell>
          <cell r="AT5090">
            <v>2011</v>
          </cell>
          <cell r="AU5090">
            <v>12</v>
          </cell>
        </row>
        <row r="5091">
          <cell r="C5091">
            <v>1.0105</v>
          </cell>
          <cell r="AT5091">
            <v>2011</v>
          </cell>
          <cell r="AU5091">
            <v>12</v>
          </cell>
        </row>
        <row r="5092">
          <cell r="C5092">
            <v>1.0193000000000001</v>
          </cell>
          <cell r="AT5092">
            <v>2011</v>
          </cell>
          <cell r="AU5092">
            <v>12</v>
          </cell>
        </row>
        <row r="5093">
          <cell r="C5093">
            <v>1.0201</v>
          </cell>
          <cell r="AT5093">
            <v>2011</v>
          </cell>
          <cell r="AU5093">
            <v>12</v>
          </cell>
        </row>
        <row r="5094">
          <cell r="C5094">
            <v>1.0201</v>
          </cell>
          <cell r="AT5094">
            <v>2011</v>
          </cell>
          <cell r="AU5094">
            <v>12</v>
          </cell>
        </row>
        <row r="5095">
          <cell r="C5095">
            <v>1.0201</v>
          </cell>
          <cell r="AT5095">
            <v>2011</v>
          </cell>
          <cell r="AU5095">
            <v>12</v>
          </cell>
        </row>
        <row r="5096">
          <cell r="C5096">
            <v>1.0275000000000001</v>
          </cell>
          <cell r="AT5096">
            <v>2011</v>
          </cell>
          <cell r="AU5096">
            <v>12</v>
          </cell>
        </row>
        <row r="5097">
          <cell r="C5097">
            <v>1.0284</v>
          </cell>
          <cell r="AT5097">
            <v>2011</v>
          </cell>
          <cell r="AU5097">
            <v>12</v>
          </cell>
        </row>
        <row r="5098">
          <cell r="C5098">
            <v>1.0406</v>
          </cell>
          <cell r="AT5098">
            <v>2011</v>
          </cell>
          <cell r="AU5098">
            <v>12</v>
          </cell>
        </row>
        <row r="5099">
          <cell r="C5099">
            <v>1.0337000000000001</v>
          </cell>
          <cell r="AT5099">
            <v>2011</v>
          </cell>
          <cell r="AU5099">
            <v>12</v>
          </cell>
        </row>
        <row r="5100">
          <cell r="C5100">
            <v>1.0387999999999999</v>
          </cell>
          <cell r="AT5100">
            <v>2011</v>
          </cell>
          <cell r="AU5100">
            <v>12</v>
          </cell>
        </row>
        <row r="5101">
          <cell r="C5101">
            <v>1.0387999999999999</v>
          </cell>
          <cell r="AT5101">
            <v>2011</v>
          </cell>
          <cell r="AU5101">
            <v>12</v>
          </cell>
        </row>
        <row r="5102">
          <cell r="C5102">
            <v>1.0387999999999999</v>
          </cell>
          <cell r="AT5102">
            <v>2011</v>
          </cell>
          <cell r="AU5102">
            <v>12</v>
          </cell>
        </row>
        <row r="5103">
          <cell r="C5103">
            <v>1.0364</v>
          </cell>
          <cell r="AT5103">
            <v>2011</v>
          </cell>
          <cell r="AU5103">
            <v>12</v>
          </cell>
        </row>
        <row r="5104">
          <cell r="C5104">
            <v>1.0285</v>
          </cell>
          <cell r="AT5104">
            <v>2011</v>
          </cell>
          <cell r="AU5104">
            <v>12</v>
          </cell>
        </row>
        <row r="5105">
          <cell r="C5105">
            <v>1.0286</v>
          </cell>
          <cell r="AT5105">
            <v>2011</v>
          </cell>
          <cell r="AU5105">
            <v>12</v>
          </cell>
        </row>
        <row r="5106">
          <cell r="C5106">
            <v>1.0214000000000001</v>
          </cell>
          <cell r="AT5106">
            <v>2011</v>
          </cell>
          <cell r="AU5106">
            <v>12</v>
          </cell>
        </row>
        <row r="5107">
          <cell r="C5107">
            <v>1.0207999999999999</v>
          </cell>
          <cell r="AT5107">
            <v>2011</v>
          </cell>
          <cell r="AU5107">
            <v>12</v>
          </cell>
        </row>
        <row r="5108">
          <cell r="C5108">
            <v>1.0207999999999999</v>
          </cell>
          <cell r="AT5108">
            <v>2011</v>
          </cell>
          <cell r="AU5108">
            <v>12</v>
          </cell>
        </row>
        <row r="5109">
          <cell r="C5109">
            <v>1.0207999999999999</v>
          </cell>
          <cell r="AT5109">
            <v>2011</v>
          </cell>
          <cell r="AU5109">
            <v>12</v>
          </cell>
        </row>
        <row r="5110">
          <cell r="C5110">
            <v>1.0207999999999999</v>
          </cell>
          <cell r="AT5110">
            <v>2011</v>
          </cell>
          <cell r="AU5110">
            <v>12</v>
          </cell>
        </row>
        <row r="5111">
          <cell r="C5111">
            <v>1.0207999999999999</v>
          </cell>
          <cell r="AT5111">
            <v>2011</v>
          </cell>
          <cell r="AU5111">
            <v>12</v>
          </cell>
        </row>
        <row r="5112">
          <cell r="C5112">
            <v>1.0234000000000001</v>
          </cell>
          <cell r="AT5112">
            <v>2011</v>
          </cell>
          <cell r="AU5112">
            <v>12</v>
          </cell>
        </row>
        <row r="5113">
          <cell r="C5113">
            <v>1.0209999999999999</v>
          </cell>
          <cell r="AT5113">
            <v>2011</v>
          </cell>
          <cell r="AU5113">
            <v>12</v>
          </cell>
        </row>
        <row r="5114">
          <cell r="C5114">
            <v>1.0169999999999999</v>
          </cell>
          <cell r="AT5114">
            <v>2011</v>
          </cell>
          <cell r="AU5114">
            <v>12</v>
          </cell>
        </row>
        <row r="5115">
          <cell r="C5115">
            <v>1.0169999999999999</v>
          </cell>
          <cell r="AT5115">
            <v>2012</v>
          </cell>
          <cell r="AU5115">
            <v>1</v>
          </cell>
        </row>
        <row r="5116">
          <cell r="C5116">
            <v>1.0169999999999999</v>
          </cell>
          <cell r="AT5116">
            <v>2012</v>
          </cell>
          <cell r="AU5116">
            <v>1</v>
          </cell>
        </row>
        <row r="5117">
          <cell r="C5117">
            <v>1.0169999999999999</v>
          </cell>
          <cell r="AT5117">
            <v>2012</v>
          </cell>
          <cell r="AU5117">
            <v>1</v>
          </cell>
        </row>
        <row r="5118">
          <cell r="C5118">
            <v>1.0089999999999999</v>
          </cell>
          <cell r="AT5118">
            <v>2012</v>
          </cell>
          <cell r="AU5118">
            <v>1</v>
          </cell>
        </row>
        <row r="5119">
          <cell r="C5119">
            <v>1.0135000000000001</v>
          </cell>
          <cell r="AT5119">
            <v>2012</v>
          </cell>
          <cell r="AU5119">
            <v>1</v>
          </cell>
        </row>
        <row r="5120">
          <cell r="C5120">
            <v>1.0197000000000001</v>
          </cell>
          <cell r="AT5120">
            <v>2012</v>
          </cell>
          <cell r="AU5120">
            <v>1</v>
          </cell>
        </row>
        <row r="5121">
          <cell r="C5121">
            <v>1.0232000000000001</v>
          </cell>
          <cell r="AT5121">
            <v>2012</v>
          </cell>
          <cell r="AU5121">
            <v>1</v>
          </cell>
        </row>
        <row r="5122">
          <cell r="C5122">
            <v>1.0232000000000001</v>
          </cell>
          <cell r="AT5122">
            <v>2012</v>
          </cell>
          <cell r="AU5122">
            <v>1</v>
          </cell>
        </row>
        <row r="5123">
          <cell r="C5123">
            <v>1.0232000000000001</v>
          </cell>
          <cell r="AT5123">
            <v>2012</v>
          </cell>
          <cell r="AU5123">
            <v>1</v>
          </cell>
        </row>
        <row r="5124">
          <cell r="C5124">
            <v>1.0271999999999999</v>
          </cell>
          <cell r="AT5124">
            <v>2012</v>
          </cell>
          <cell r="AU5124">
            <v>1</v>
          </cell>
        </row>
        <row r="5125">
          <cell r="C5125">
            <v>1.0164</v>
          </cell>
          <cell r="AT5125">
            <v>2012</v>
          </cell>
          <cell r="AU5125">
            <v>1</v>
          </cell>
        </row>
        <row r="5126">
          <cell r="C5126">
            <v>1.0192000000000001</v>
          </cell>
          <cell r="AT5126">
            <v>2012</v>
          </cell>
          <cell r="AU5126">
            <v>1</v>
          </cell>
        </row>
        <row r="5127">
          <cell r="C5127">
            <v>1.0198</v>
          </cell>
          <cell r="AT5127">
            <v>2012</v>
          </cell>
          <cell r="AU5127">
            <v>1</v>
          </cell>
        </row>
        <row r="5128">
          <cell r="C5128">
            <v>1.0245</v>
          </cell>
          <cell r="AT5128">
            <v>2012</v>
          </cell>
          <cell r="AU5128">
            <v>1</v>
          </cell>
        </row>
        <row r="5129">
          <cell r="C5129">
            <v>1.0245</v>
          </cell>
          <cell r="AT5129">
            <v>2012</v>
          </cell>
          <cell r="AU5129">
            <v>1</v>
          </cell>
        </row>
        <row r="5130">
          <cell r="C5130">
            <v>1.0245</v>
          </cell>
          <cell r="AT5130">
            <v>2012</v>
          </cell>
          <cell r="AU5130">
            <v>1</v>
          </cell>
        </row>
        <row r="5131">
          <cell r="C5131">
            <v>1.0245</v>
          </cell>
          <cell r="AT5131">
            <v>2012</v>
          </cell>
          <cell r="AU5131">
            <v>1</v>
          </cell>
        </row>
        <row r="5132">
          <cell r="C5132">
            <v>1.0132000000000001</v>
          </cell>
          <cell r="AT5132">
            <v>2012</v>
          </cell>
          <cell r="AU5132">
            <v>1</v>
          </cell>
        </row>
        <row r="5133">
          <cell r="C5133">
            <v>1.014</v>
          </cell>
          <cell r="AT5133">
            <v>2012</v>
          </cell>
          <cell r="AU5133">
            <v>1</v>
          </cell>
        </row>
        <row r="5134">
          <cell r="C5134">
            <v>1.0095000000000001</v>
          </cell>
          <cell r="AT5134">
            <v>2012</v>
          </cell>
          <cell r="AU5134">
            <v>1</v>
          </cell>
        </row>
        <row r="5135">
          <cell r="C5135">
            <v>1.0143</v>
          </cell>
          <cell r="AT5135">
            <v>2012</v>
          </cell>
          <cell r="AU5135">
            <v>1</v>
          </cell>
        </row>
        <row r="5136">
          <cell r="C5136">
            <v>1.0143</v>
          </cell>
          <cell r="AT5136">
            <v>2012</v>
          </cell>
          <cell r="AU5136">
            <v>1</v>
          </cell>
        </row>
        <row r="5137">
          <cell r="C5137">
            <v>1.0143</v>
          </cell>
          <cell r="AT5137">
            <v>2012</v>
          </cell>
          <cell r="AU5137">
            <v>1</v>
          </cell>
        </row>
        <row r="5138">
          <cell r="C5138">
            <v>1.008</v>
          </cell>
          <cell r="AT5138">
            <v>2012</v>
          </cell>
          <cell r="AU5138">
            <v>1</v>
          </cell>
        </row>
        <row r="5139">
          <cell r="C5139">
            <v>1.0097</v>
          </cell>
          <cell r="AT5139">
            <v>2012</v>
          </cell>
          <cell r="AU5139">
            <v>1</v>
          </cell>
        </row>
        <row r="5140">
          <cell r="C5140">
            <v>1.012</v>
          </cell>
          <cell r="AT5140">
            <v>2012</v>
          </cell>
          <cell r="AU5140">
            <v>1</v>
          </cell>
        </row>
        <row r="5141">
          <cell r="C5141">
            <v>0.99860000000000004</v>
          </cell>
          <cell r="AT5141">
            <v>2012</v>
          </cell>
          <cell r="AU5141">
            <v>1</v>
          </cell>
        </row>
        <row r="5142">
          <cell r="C5142">
            <v>1.0013000000000001</v>
          </cell>
          <cell r="AT5142">
            <v>2012</v>
          </cell>
          <cell r="AU5142">
            <v>1</v>
          </cell>
        </row>
        <row r="5143">
          <cell r="C5143">
            <v>1.0013000000000001</v>
          </cell>
          <cell r="AT5143">
            <v>2012</v>
          </cell>
          <cell r="AU5143">
            <v>1</v>
          </cell>
        </row>
        <row r="5144">
          <cell r="C5144">
            <v>1.0013000000000001</v>
          </cell>
          <cell r="AT5144">
            <v>2012</v>
          </cell>
          <cell r="AU5144">
            <v>1</v>
          </cell>
        </row>
        <row r="5145">
          <cell r="C5145">
            <v>1.0032000000000001</v>
          </cell>
          <cell r="AT5145">
            <v>2012</v>
          </cell>
          <cell r="AU5145">
            <v>1</v>
          </cell>
        </row>
        <row r="5146">
          <cell r="C5146">
            <v>1.0052000000000001</v>
          </cell>
          <cell r="AT5146">
            <v>2012</v>
          </cell>
          <cell r="AU5146">
            <v>2</v>
          </cell>
        </row>
        <row r="5147">
          <cell r="C5147">
            <v>0.99709999999999999</v>
          </cell>
          <cell r="AT5147">
            <v>2012</v>
          </cell>
          <cell r="AU5147">
            <v>2</v>
          </cell>
        </row>
        <row r="5148">
          <cell r="C5148">
            <v>0.99850000000000005</v>
          </cell>
          <cell r="AT5148">
            <v>2012</v>
          </cell>
          <cell r="AU5148">
            <v>2</v>
          </cell>
        </row>
        <row r="5149">
          <cell r="C5149">
            <v>0.99450000000000005</v>
          </cell>
          <cell r="AT5149">
            <v>2012</v>
          </cell>
          <cell r="AU5149">
            <v>2</v>
          </cell>
        </row>
        <row r="5150">
          <cell r="C5150">
            <v>0.99450000000000005</v>
          </cell>
          <cell r="AT5150">
            <v>2012</v>
          </cell>
          <cell r="AU5150">
            <v>2</v>
          </cell>
        </row>
        <row r="5151">
          <cell r="C5151">
            <v>0.99450000000000005</v>
          </cell>
          <cell r="AT5151">
            <v>2012</v>
          </cell>
          <cell r="AU5151">
            <v>2</v>
          </cell>
        </row>
        <row r="5152">
          <cell r="C5152">
            <v>0.99539999999999995</v>
          </cell>
          <cell r="AT5152">
            <v>2012</v>
          </cell>
          <cell r="AU5152">
            <v>2</v>
          </cell>
        </row>
        <row r="5153">
          <cell r="C5153">
            <v>0.99480000000000002</v>
          </cell>
          <cell r="AT5153">
            <v>2012</v>
          </cell>
          <cell r="AU5153">
            <v>2</v>
          </cell>
        </row>
        <row r="5154">
          <cell r="C5154">
            <v>0.997</v>
          </cell>
          <cell r="AT5154">
            <v>2012</v>
          </cell>
          <cell r="AU5154">
            <v>2</v>
          </cell>
        </row>
        <row r="5155">
          <cell r="C5155">
            <v>0.99409999999999998</v>
          </cell>
          <cell r="AT5155">
            <v>2012</v>
          </cell>
          <cell r="AU5155">
            <v>2</v>
          </cell>
        </row>
        <row r="5156">
          <cell r="C5156">
            <v>1.0016</v>
          </cell>
          <cell r="AT5156">
            <v>2012</v>
          </cell>
          <cell r="AU5156">
            <v>2</v>
          </cell>
        </row>
        <row r="5157">
          <cell r="C5157">
            <v>1.0016</v>
          </cell>
          <cell r="AT5157">
            <v>2012</v>
          </cell>
          <cell r="AU5157">
            <v>2</v>
          </cell>
        </row>
        <row r="5158">
          <cell r="C5158">
            <v>1.0016</v>
          </cell>
          <cell r="AT5158">
            <v>2012</v>
          </cell>
          <cell r="AU5158">
            <v>2</v>
          </cell>
        </row>
        <row r="5159">
          <cell r="C5159">
            <v>0.99960000000000004</v>
          </cell>
          <cell r="AT5159">
            <v>2012</v>
          </cell>
          <cell r="AU5159">
            <v>2</v>
          </cell>
        </row>
        <row r="5160">
          <cell r="C5160">
            <v>0.99909999999999999</v>
          </cell>
          <cell r="AT5160">
            <v>2012</v>
          </cell>
          <cell r="AU5160">
            <v>2</v>
          </cell>
        </row>
        <row r="5161">
          <cell r="C5161">
            <v>0.99650000000000005</v>
          </cell>
          <cell r="AT5161">
            <v>2012</v>
          </cell>
          <cell r="AU5161">
            <v>2</v>
          </cell>
        </row>
        <row r="5162">
          <cell r="C5162">
            <v>0.99619999999999997</v>
          </cell>
          <cell r="AT5162">
            <v>2012</v>
          </cell>
          <cell r="AU5162">
            <v>2</v>
          </cell>
        </row>
        <row r="5163">
          <cell r="C5163">
            <v>0.997</v>
          </cell>
          <cell r="AT5163">
            <v>2012</v>
          </cell>
          <cell r="AU5163">
            <v>2</v>
          </cell>
        </row>
        <row r="5164">
          <cell r="C5164">
            <v>0.997</v>
          </cell>
          <cell r="AT5164">
            <v>2012</v>
          </cell>
          <cell r="AU5164">
            <v>2</v>
          </cell>
        </row>
        <row r="5165">
          <cell r="C5165">
            <v>0.997</v>
          </cell>
          <cell r="AT5165">
            <v>2012</v>
          </cell>
          <cell r="AU5165">
            <v>2</v>
          </cell>
        </row>
        <row r="5166">
          <cell r="C5166">
            <v>0.997</v>
          </cell>
          <cell r="AT5166">
            <v>2012</v>
          </cell>
          <cell r="AU5166">
            <v>2</v>
          </cell>
        </row>
        <row r="5167">
          <cell r="C5167">
            <v>0.99550000000000005</v>
          </cell>
          <cell r="AT5167">
            <v>2012</v>
          </cell>
          <cell r="AU5167">
            <v>2</v>
          </cell>
        </row>
        <row r="5168">
          <cell r="C5168">
            <v>1</v>
          </cell>
          <cell r="AT5168">
            <v>2012</v>
          </cell>
          <cell r="AU5168">
            <v>2</v>
          </cell>
        </row>
        <row r="5169">
          <cell r="C5169">
            <v>0.99850000000000005</v>
          </cell>
          <cell r="AT5169">
            <v>2012</v>
          </cell>
          <cell r="AU5169">
            <v>2</v>
          </cell>
        </row>
        <row r="5170">
          <cell r="C5170">
            <v>0.99880000000000002</v>
          </cell>
          <cell r="AT5170">
            <v>2012</v>
          </cell>
          <cell r="AU5170">
            <v>2</v>
          </cell>
        </row>
        <row r="5171">
          <cell r="C5171">
            <v>0.99880000000000002</v>
          </cell>
          <cell r="AT5171">
            <v>2012</v>
          </cell>
          <cell r="AU5171">
            <v>2</v>
          </cell>
        </row>
        <row r="5172">
          <cell r="C5172">
            <v>0.99880000000000002</v>
          </cell>
          <cell r="AT5172">
            <v>2012</v>
          </cell>
          <cell r="AU5172">
            <v>2</v>
          </cell>
        </row>
        <row r="5173">
          <cell r="C5173">
            <v>0.99829999999999997</v>
          </cell>
          <cell r="AT5173">
            <v>2012</v>
          </cell>
          <cell r="AU5173">
            <v>2</v>
          </cell>
        </row>
        <row r="5174">
          <cell r="C5174">
            <v>0.99560000000000004</v>
          </cell>
          <cell r="AT5174">
            <v>2012</v>
          </cell>
          <cell r="AU5174">
            <v>2</v>
          </cell>
        </row>
        <row r="5175">
          <cell r="C5175">
            <v>0.98660000000000003</v>
          </cell>
          <cell r="AT5175">
            <v>2012</v>
          </cell>
          <cell r="AU5175">
            <v>3</v>
          </cell>
        </row>
        <row r="5176">
          <cell r="C5176">
            <v>0.9849</v>
          </cell>
          <cell r="AT5176">
            <v>2012</v>
          </cell>
          <cell r="AU5176">
            <v>3</v>
          </cell>
        </row>
        <row r="5177">
          <cell r="C5177">
            <v>0.98880000000000001</v>
          </cell>
          <cell r="AT5177">
            <v>2012</v>
          </cell>
          <cell r="AU5177">
            <v>3</v>
          </cell>
        </row>
        <row r="5178">
          <cell r="C5178">
            <v>0.98880000000000001</v>
          </cell>
          <cell r="AT5178">
            <v>2012</v>
          </cell>
          <cell r="AU5178">
            <v>3</v>
          </cell>
        </row>
        <row r="5179">
          <cell r="C5179">
            <v>0.98880000000000001</v>
          </cell>
          <cell r="AT5179">
            <v>2012</v>
          </cell>
          <cell r="AU5179">
            <v>3</v>
          </cell>
        </row>
        <row r="5180">
          <cell r="C5180">
            <v>0.99360000000000004</v>
          </cell>
          <cell r="AT5180">
            <v>2012</v>
          </cell>
          <cell r="AU5180">
            <v>3</v>
          </cell>
        </row>
        <row r="5181">
          <cell r="C5181">
            <v>1.0015000000000001</v>
          </cell>
          <cell r="AT5181">
            <v>2012</v>
          </cell>
          <cell r="AU5181">
            <v>3</v>
          </cell>
        </row>
        <row r="5182">
          <cell r="C5182">
            <v>0.99929999999999997</v>
          </cell>
          <cell r="AT5182">
            <v>2012</v>
          </cell>
          <cell r="AU5182">
            <v>3</v>
          </cell>
        </row>
        <row r="5183">
          <cell r="C5183">
            <v>0.99209999999999998</v>
          </cell>
          <cell r="AT5183">
            <v>2012</v>
          </cell>
          <cell r="AU5183">
            <v>3</v>
          </cell>
        </row>
        <row r="5184">
          <cell r="C5184">
            <v>0.98950000000000005</v>
          </cell>
          <cell r="AT5184">
            <v>2012</v>
          </cell>
          <cell r="AU5184">
            <v>3</v>
          </cell>
        </row>
        <row r="5185">
          <cell r="C5185">
            <v>0.98950000000000005</v>
          </cell>
          <cell r="AT5185">
            <v>2012</v>
          </cell>
          <cell r="AU5185">
            <v>3</v>
          </cell>
        </row>
        <row r="5186">
          <cell r="C5186">
            <v>0.98950000000000005</v>
          </cell>
          <cell r="AT5186">
            <v>2012</v>
          </cell>
          <cell r="AU5186">
            <v>3</v>
          </cell>
        </row>
        <row r="5187">
          <cell r="C5187">
            <v>0.99350000000000005</v>
          </cell>
          <cell r="AT5187">
            <v>2012</v>
          </cell>
          <cell r="AU5187">
            <v>3</v>
          </cell>
        </row>
        <row r="5188">
          <cell r="C5188">
            <v>0.99050000000000005</v>
          </cell>
          <cell r="AT5188">
            <v>2012</v>
          </cell>
          <cell r="AU5188">
            <v>3</v>
          </cell>
        </row>
        <row r="5189">
          <cell r="C5189">
            <v>0.99150000000000005</v>
          </cell>
          <cell r="AT5189">
            <v>2012</v>
          </cell>
          <cell r="AU5189">
            <v>3</v>
          </cell>
        </row>
        <row r="5190">
          <cell r="C5190">
            <v>0.9929</v>
          </cell>
          <cell r="AT5190">
            <v>2012</v>
          </cell>
          <cell r="AU5190">
            <v>3</v>
          </cell>
        </row>
        <row r="5191">
          <cell r="C5191">
            <v>0.99139999999999995</v>
          </cell>
          <cell r="AT5191">
            <v>2012</v>
          </cell>
          <cell r="AU5191">
            <v>3</v>
          </cell>
        </row>
        <row r="5192">
          <cell r="C5192">
            <v>0.99139999999999995</v>
          </cell>
          <cell r="AT5192">
            <v>2012</v>
          </cell>
          <cell r="AU5192">
            <v>3</v>
          </cell>
        </row>
        <row r="5193">
          <cell r="C5193">
            <v>0.99139999999999995</v>
          </cell>
          <cell r="AT5193">
            <v>2012</v>
          </cell>
          <cell r="AU5193">
            <v>3</v>
          </cell>
        </row>
        <row r="5194">
          <cell r="C5194">
            <v>0.98799999999999999</v>
          </cell>
          <cell r="AT5194">
            <v>2012</v>
          </cell>
          <cell r="AU5194">
            <v>3</v>
          </cell>
        </row>
        <row r="5195">
          <cell r="C5195">
            <v>0.99329999999999996</v>
          </cell>
          <cell r="AT5195">
            <v>2012</v>
          </cell>
          <cell r="AU5195">
            <v>3</v>
          </cell>
        </row>
        <row r="5196">
          <cell r="C5196">
            <v>0.99309999999999998</v>
          </cell>
          <cell r="AT5196">
            <v>2012</v>
          </cell>
          <cell r="AU5196">
            <v>3</v>
          </cell>
        </row>
        <row r="5197">
          <cell r="C5197">
            <v>1.0003</v>
          </cell>
          <cell r="AT5197">
            <v>2012</v>
          </cell>
          <cell r="AU5197">
            <v>3</v>
          </cell>
        </row>
        <row r="5198">
          <cell r="C5198">
            <v>0.99819999999999998</v>
          </cell>
          <cell r="AT5198">
            <v>2012</v>
          </cell>
          <cell r="AU5198">
            <v>3</v>
          </cell>
        </row>
        <row r="5199">
          <cell r="C5199">
            <v>0.99819999999999998</v>
          </cell>
          <cell r="AT5199">
            <v>2012</v>
          </cell>
          <cell r="AU5199">
            <v>3</v>
          </cell>
        </row>
        <row r="5200">
          <cell r="C5200">
            <v>0.99819999999999998</v>
          </cell>
          <cell r="AT5200">
            <v>2012</v>
          </cell>
          <cell r="AU5200">
            <v>3</v>
          </cell>
        </row>
        <row r="5201">
          <cell r="C5201">
            <v>0.99219999999999997</v>
          </cell>
          <cell r="AT5201">
            <v>2012</v>
          </cell>
          <cell r="AU5201">
            <v>3</v>
          </cell>
        </row>
        <row r="5202">
          <cell r="C5202">
            <v>0.99280000000000002</v>
          </cell>
          <cell r="AT5202">
            <v>2012</v>
          </cell>
          <cell r="AU5202">
            <v>3</v>
          </cell>
        </row>
        <row r="5203">
          <cell r="C5203">
            <v>0.99839999999999995</v>
          </cell>
          <cell r="AT5203">
            <v>2012</v>
          </cell>
          <cell r="AU5203">
            <v>3</v>
          </cell>
        </row>
        <row r="5204">
          <cell r="C5204">
            <v>0.99990000000000001</v>
          </cell>
          <cell r="AT5204">
            <v>2012</v>
          </cell>
          <cell r="AU5204">
            <v>3</v>
          </cell>
        </row>
        <row r="5205">
          <cell r="C5205">
            <v>0.99909999999999999</v>
          </cell>
          <cell r="AT5205">
            <v>2012</v>
          </cell>
          <cell r="AU5205">
            <v>3</v>
          </cell>
        </row>
        <row r="5206">
          <cell r="C5206">
            <v>0.99909999999999999</v>
          </cell>
          <cell r="AT5206">
            <v>2012</v>
          </cell>
          <cell r="AU5206">
            <v>4</v>
          </cell>
        </row>
        <row r="5207">
          <cell r="C5207">
            <v>0.99909999999999999</v>
          </cell>
          <cell r="AT5207">
            <v>2012</v>
          </cell>
          <cell r="AU5207">
            <v>4</v>
          </cell>
        </row>
        <row r="5208">
          <cell r="C5208">
            <v>0.99170000000000003</v>
          </cell>
          <cell r="AT5208">
            <v>2012</v>
          </cell>
          <cell r="AU5208">
            <v>4</v>
          </cell>
        </row>
        <row r="5209">
          <cell r="C5209">
            <v>0.99099999999999999</v>
          </cell>
          <cell r="AT5209">
            <v>2012</v>
          </cell>
          <cell r="AU5209">
            <v>4</v>
          </cell>
        </row>
        <row r="5210">
          <cell r="C5210">
            <v>0.99619999999999997</v>
          </cell>
          <cell r="AT5210">
            <v>2012</v>
          </cell>
          <cell r="AU5210">
            <v>4</v>
          </cell>
        </row>
        <row r="5211">
          <cell r="C5211">
            <v>0.99280000000000002</v>
          </cell>
          <cell r="AT5211">
            <v>2012</v>
          </cell>
          <cell r="AU5211">
            <v>4</v>
          </cell>
        </row>
        <row r="5212">
          <cell r="C5212">
            <v>0.99280000000000002</v>
          </cell>
          <cell r="AT5212">
            <v>2012</v>
          </cell>
          <cell r="AU5212">
            <v>4</v>
          </cell>
        </row>
        <row r="5213">
          <cell r="C5213">
            <v>0.99280000000000002</v>
          </cell>
          <cell r="AT5213">
            <v>2012</v>
          </cell>
          <cell r="AU5213">
            <v>4</v>
          </cell>
        </row>
        <row r="5214">
          <cell r="C5214">
            <v>0.99280000000000002</v>
          </cell>
          <cell r="AT5214">
            <v>2012</v>
          </cell>
          <cell r="AU5214">
            <v>4</v>
          </cell>
        </row>
        <row r="5215">
          <cell r="C5215">
            <v>0.99719999999999998</v>
          </cell>
          <cell r="AT5215">
            <v>2012</v>
          </cell>
          <cell r="AU5215">
            <v>4</v>
          </cell>
        </row>
        <row r="5216">
          <cell r="C5216">
            <v>1.0027999999999999</v>
          </cell>
          <cell r="AT5216">
            <v>2012</v>
          </cell>
          <cell r="AU5216">
            <v>4</v>
          </cell>
        </row>
        <row r="5217">
          <cell r="C5217">
            <v>1.0039</v>
          </cell>
          <cell r="AT5217">
            <v>2012</v>
          </cell>
          <cell r="AU5217">
            <v>4</v>
          </cell>
        </row>
        <row r="5218">
          <cell r="C5218">
            <v>0.995</v>
          </cell>
          <cell r="AT5218">
            <v>2012</v>
          </cell>
          <cell r="AU5218">
            <v>4</v>
          </cell>
        </row>
        <row r="5219">
          <cell r="C5219">
            <v>0.99790000000000001</v>
          </cell>
          <cell r="AT5219">
            <v>2012</v>
          </cell>
          <cell r="AU5219">
            <v>4</v>
          </cell>
        </row>
        <row r="5220">
          <cell r="C5220">
            <v>0.99790000000000001</v>
          </cell>
          <cell r="AT5220">
            <v>2012</v>
          </cell>
          <cell r="AU5220">
            <v>4</v>
          </cell>
        </row>
        <row r="5221">
          <cell r="C5221">
            <v>0.99790000000000001</v>
          </cell>
          <cell r="AT5221">
            <v>2012</v>
          </cell>
          <cell r="AU5221">
            <v>4</v>
          </cell>
        </row>
        <row r="5222">
          <cell r="C5222">
            <v>1.0024</v>
          </cell>
          <cell r="AT5222">
            <v>2012</v>
          </cell>
          <cell r="AU5222">
            <v>4</v>
          </cell>
        </row>
        <row r="5223">
          <cell r="C5223">
            <v>0.98780000000000001</v>
          </cell>
          <cell r="AT5223">
            <v>2012</v>
          </cell>
          <cell r="AU5223">
            <v>4</v>
          </cell>
        </row>
        <row r="5224">
          <cell r="C5224">
            <v>0.99019999999999997</v>
          </cell>
          <cell r="AT5224">
            <v>2012</v>
          </cell>
          <cell r="AU5224">
            <v>4</v>
          </cell>
        </row>
        <row r="5225">
          <cell r="C5225">
            <v>0.99270000000000003</v>
          </cell>
          <cell r="AT5225">
            <v>2012</v>
          </cell>
          <cell r="AU5225">
            <v>4</v>
          </cell>
        </row>
        <row r="5226">
          <cell r="C5226">
            <v>0.99109999999999998</v>
          </cell>
          <cell r="AT5226">
            <v>2012</v>
          </cell>
          <cell r="AU5226">
            <v>4</v>
          </cell>
        </row>
        <row r="5227">
          <cell r="C5227">
            <v>0.99109999999999998</v>
          </cell>
          <cell r="AT5227">
            <v>2012</v>
          </cell>
          <cell r="AU5227">
            <v>4</v>
          </cell>
        </row>
        <row r="5228">
          <cell r="C5228">
            <v>0.99109999999999998</v>
          </cell>
          <cell r="AT5228">
            <v>2012</v>
          </cell>
          <cell r="AU5228">
            <v>4</v>
          </cell>
        </row>
        <row r="5229">
          <cell r="C5229">
            <v>0.99360000000000004</v>
          </cell>
          <cell r="AT5229">
            <v>2012</v>
          </cell>
          <cell r="AU5229">
            <v>4</v>
          </cell>
        </row>
        <row r="5230">
          <cell r="C5230">
            <v>0.98829999999999996</v>
          </cell>
          <cell r="AT5230">
            <v>2012</v>
          </cell>
          <cell r="AU5230">
            <v>4</v>
          </cell>
        </row>
        <row r="5231">
          <cell r="C5231">
            <v>0.98480000000000001</v>
          </cell>
          <cell r="AT5231">
            <v>2012</v>
          </cell>
          <cell r="AU5231">
            <v>4</v>
          </cell>
        </row>
        <row r="5232">
          <cell r="C5232">
            <v>0.98409999999999997</v>
          </cell>
          <cell r="AT5232">
            <v>2012</v>
          </cell>
          <cell r="AU5232">
            <v>4</v>
          </cell>
        </row>
        <row r="5233">
          <cell r="C5233">
            <v>0.98070000000000002</v>
          </cell>
          <cell r="AT5233">
            <v>2012</v>
          </cell>
          <cell r="AU5233">
            <v>4</v>
          </cell>
        </row>
        <row r="5234">
          <cell r="C5234">
            <v>0.98070000000000002</v>
          </cell>
          <cell r="AT5234">
            <v>2012</v>
          </cell>
          <cell r="AU5234">
            <v>4</v>
          </cell>
        </row>
        <row r="5235">
          <cell r="C5235">
            <v>0.98070000000000002</v>
          </cell>
          <cell r="AT5235">
            <v>2012</v>
          </cell>
          <cell r="AU5235">
            <v>4</v>
          </cell>
        </row>
        <row r="5236">
          <cell r="C5236">
            <v>0.98839999999999995</v>
          </cell>
          <cell r="AT5236">
            <v>2012</v>
          </cell>
          <cell r="AU5236">
            <v>5</v>
          </cell>
        </row>
        <row r="5237">
          <cell r="C5237">
            <v>0.9839</v>
          </cell>
          <cell r="AT5237">
            <v>2012</v>
          </cell>
          <cell r="AU5237">
            <v>5</v>
          </cell>
        </row>
        <row r="5238">
          <cell r="C5238">
            <v>0.98909999999999998</v>
          </cell>
          <cell r="AT5238">
            <v>2012</v>
          </cell>
          <cell r="AU5238">
            <v>5</v>
          </cell>
        </row>
        <row r="5239">
          <cell r="C5239">
            <v>0.98680000000000001</v>
          </cell>
          <cell r="AT5239">
            <v>2012</v>
          </cell>
          <cell r="AU5239">
            <v>5</v>
          </cell>
        </row>
        <row r="5240">
          <cell r="C5240">
            <v>0.99560000000000004</v>
          </cell>
          <cell r="AT5240">
            <v>2012</v>
          </cell>
          <cell r="AU5240">
            <v>5</v>
          </cell>
        </row>
        <row r="5241">
          <cell r="C5241">
            <v>0.99560000000000004</v>
          </cell>
          <cell r="AT5241">
            <v>2012</v>
          </cell>
          <cell r="AU5241">
            <v>5</v>
          </cell>
        </row>
        <row r="5242">
          <cell r="C5242">
            <v>0.99560000000000004</v>
          </cell>
          <cell r="AT5242">
            <v>2012</v>
          </cell>
          <cell r="AU5242">
            <v>5</v>
          </cell>
        </row>
        <row r="5243">
          <cell r="C5243">
            <v>0.99350000000000005</v>
          </cell>
          <cell r="AT5243">
            <v>2012</v>
          </cell>
          <cell r="AU5243">
            <v>5</v>
          </cell>
        </row>
        <row r="5244">
          <cell r="C5244">
            <v>0.99970000000000003</v>
          </cell>
          <cell r="AT5244">
            <v>2012</v>
          </cell>
          <cell r="AU5244">
            <v>5</v>
          </cell>
        </row>
        <row r="5245">
          <cell r="C5245">
            <v>1.0015000000000001</v>
          </cell>
          <cell r="AT5245">
            <v>2012</v>
          </cell>
          <cell r="AU5245">
            <v>5</v>
          </cell>
        </row>
        <row r="5246">
          <cell r="C5246">
            <v>1.0017</v>
          </cell>
          <cell r="AT5246">
            <v>2012</v>
          </cell>
          <cell r="AU5246">
            <v>5</v>
          </cell>
        </row>
        <row r="5247">
          <cell r="C5247">
            <v>0.99680000000000002</v>
          </cell>
          <cell r="AT5247">
            <v>2012</v>
          </cell>
          <cell r="AU5247">
            <v>5</v>
          </cell>
        </row>
        <row r="5248">
          <cell r="C5248">
            <v>0.99680000000000002</v>
          </cell>
          <cell r="AT5248">
            <v>2012</v>
          </cell>
          <cell r="AU5248">
            <v>5</v>
          </cell>
        </row>
        <row r="5249">
          <cell r="C5249">
            <v>0.99680000000000002</v>
          </cell>
          <cell r="AT5249">
            <v>2012</v>
          </cell>
          <cell r="AU5249">
            <v>5</v>
          </cell>
        </row>
        <row r="5250">
          <cell r="C5250">
            <v>1.0019</v>
          </cell>
          <cell r="AT5250">
            <v>2012</v>
          </cell>
          <cell r="AU5250">
            <v>5</v>
          </cell>
        </row>
        <row r="5251">
          <cell r="C5251">
            <v>1.0028999999999999</v>
          </cell>
          <cell r="AT5251">
            <v>2012</v>
          </cell>
          <cell r="AU5251">
            <v>5</v>
          </cell>
        </row>
        <row r="5252">
          <cell r="C5252">
            <v>1.0102</v>
          </cell>
          <cell r="AT5252">
            <v>2012</v>
          </cell>
          <cell r="AU5252">
            <v>5</v>
          </cell>
        </row>
        <row r="5253">
          <cell r="C5253">
            <v>1.0164</v>
          </cell>
          <cell r="AT5253">
            <v>2012</v>
          </cell>
          <cell r="AU5253">
            <v>5</v>
          </cell>
        </row>
        <row r="5254">
          <cell r="C5254">
            <v>1.0209999999999999</v>
          </cell>
          <cell r="AT5254">
            <v>2012</v>
          </cell>
          <cell r="AU5254">
            <v>5</v>
          </cell>
        </row>
        <row r="5255">
          <cell r="C5255">
            <v>1.0209999999999999</v>
          </cell>
          <cell r="AT5255">
            <v>2012</v>
          </cell>
          <cell r="AU5255">
            <v>5</v>
          </cell>
        </row>
        <row r="5256">
          <cell r="C5256">
            <v>1.0209999999999999</v>
          </cell>
          <cell r="AT5256">
            <v>2012</v>
          </cell>
          <cell r="AU5256">
            <v>5</v>
          </cell>
        </row>
        <row r="5257">
          <cell r="C5257">
            <v>1.0209999999999999</v>
          </cell>
          <cell r="AT5257">
            <v>2012</v>
          </cell>
          <cell r="AU5257">
            <v>5</v>
          </cell>
        </row>
        <row r="5258">
          <cell r="C5258">
            <v>1.0190999999999999</v>
          </cell>
          <cell r="AT5258">
            <v>2012</v>
          </cell>
          <cell r="AU5258">
            <v>5</v>
          </cell>
        </row>
        <row r="5259">
          <cell r="C5259">
            <v>1.0275000000000001</v>
          </cell>
          <cell r="AT5259">
            <v>2012</v>
          </cell>
          <cell r="AU5259">
            <v>5</v>
          </cell>
        </row>
        <row r="5260">
          <cell r="C5260">
            <v>1.0275000000000001</v>
          </cell>
          <cell r="AT5260">
            <v>2012</v>
          </cell>
          <cell r="AU5260">
            <v>5</v>
          </cell>
        </row>
        <row r="5261">
          <cell r="C5261">
            <v>1.0285</v>
          </cell>
          <cell r="AT5261">
            <v>2012</v>
          </cell>
          <cell r="AU5261">
            <v>5</v>
          </cell>
        </row>
        <row r="5262">
          <cell r="C5262">
            <v>1.0285</v>
          </cell>
          <cell r="AT5262">
            <v>2012</v>
          </cell>
          <cell r="AU5262">
            <v>5</v>
          </cell>
        </row>
        <row r="5263">
          <cell r="C5263">
            <v>1.0285</v>
          </cell>
          <cell r="AT5263">
            <v>2012</v>
          </cell>
          <cell r="AU5263">
            <v>5</v>
          </cell>
        </row>
        <row r="5264">
          <cell r="C5264">
            <v>1.0285</v>
          </cell>
          <cell r="AT5264">
            <v>2012</v>
          </cell>
          <cell r="AU5264">
            <v>5</v>
          </cell>
        </row>
        <row r="5265">
          <cell r="C5265">
            <v>1.0253000000000001</v>
          </cell>
          <cell r="AT5265">
            <v>2012</v>
          </cell>
          <cell r="AU5265">
            <v>5</v>
          </cell>
        </row>
        <row r="5266">
          <cell r="C5266">
            <v>1.0286</v>
          </cell>
          <cell r="AT5266">
            <v>2012</v>
          </cell>
          <cell r="AU5266">
            <v>5</v>
          </cell>
        </row>
        <row r="5267">
          <cell r="C5267">
            <v>1.0348999999999999</v>
          </cell>
          <cell r="AT5267">
            <v>2012</v>
          </cell>
          <cell r="AU5267">
            <v>6</v>
          </cell>
        </row>
        <row r="5268">
          <cell r="C5268">
            <v>1.038</v>
          </cell>
          <cell r="AT5268">
            <v>2012</v>
          </cell>
          <cell r="AU5268">
            <v>6</v>
          </cell>
        </row>
        <row r="5269">
          <cell r="C5269">
            <v>1.038</v>
          </cell>
          <cell r="AT5269">
            <v>2012</v>
          </cell>
          <cell r="AU5269">
            <v>6</v>
          </cell>
        </row>
        <row r="5270">
          <cell r="C5270">
            <v>1.038</v>
          </cell>
          <cell r="AT5270">
            <v>2012</v>
          </cell>
          <cell r="AU5270">
            <v>6</v>
          </cell>
        </row>
        <row r="5271">
          <cell r="C5271">
            <v>1.0418000000000001</v>
          </cell>
          <cell r="AT5271">
            <v>2012</v>
          </cell>
          <cell r="AU5271">
            <v>6</v>
          </cell>
        </row>
        <row r="5272">
          <cell r="C5272">
            <v>1.0414000000000001</v>
          </cell>
          <cell r="AT5272">
            <v>2012</v>
          </cell>
          <cell r="AU5272">
            <v>6</v>
          </cell>
        </row>
        <row r="5273">
          <cell r="C5273">
            <v>1.0297000000000001</v>
          </cell>
          <cell r="AT5273">
            <v>2012</v>
          </cell>
          <cell r="AU5273">
            <v>6</v>
          </cell>
        </row>
        <row r="5274">
          <cell r="C5274">
            <v>1.0244</v>
          </cell>
          <cell r="AT5274">
            <v>2012</v>
          </cell>
          <cell r="AU5274">
            <v>6</v>
          </cell>
        </row>
        <row r="5275">
          <cell r="C5275">
            <v>1.0331999999999999</v>
          </cell>
          <cell r="AT5275">
            <v>2012</v>
          </cell>
          <cell r="AU5275">
            <v>6</v>
          </cell>
        </row>
        <row r="5276">
          <cell r="C5276">
            <v>1.0331999999999999</v>
          </cell>
          <cell r="AT5276">
            <v>2012</v>
          </cell>
          <cell r="AU5276">
            <v>6</v>
          </cell>
        </row>
        <row r="5277">
          <cell r="C5277">
            <v>1.0331999999999999</v>
          </cell>
          <cell r="AT5277">
            <v>2012</v>
          </cell>
          <cell r="AU5277">
            <v>6</v>
          </cell>
        </row>
        <row r="5278">
          <cell r="C5278">
            <v>1.0283</v>
          </cell>
          <cell r="AT5278">
            <v>2012</v>
          </cell>
          <cell r="AU5278">
            <v>6</v>
          </cell>
        </row>
        <row r="5279">
          <cell r="C5279">
            <v>1.0267999999999999</v>
          </cell>
          <cell r="AT5279">
            <v>2012</v>
          </cell>
          <cell r="AU5279">
            <v>6</v>
          </cell>
        </row>
        <row r="5280">
          <cell r="C5280">
            <v>1.0269999999999999</v>
          </cell>
          <cell r="AT5280">
            <v>2012</v>
          </cell>
          <cell r="AU5280">
            <v>6</v>
          </cell>
        </row>
        <row r="5281">
          <cell r="C5281">
            <v>1.0246999999999999</v>
          </cell>
          <cell r="AT5281">
            <v>2012</v>
          </cell>
          <cell r="AU5281">
            <v>6</v>
          </cell>
        </row>
        <row r="5282">
          <cell r="C5282">
            <v>1.0244</v>
          </cell>
          <cell r="AT5282">
            <v>2012</v>
          </cell>
          <cell r="AU5282">
            <v>6</v>
          </cell>
        </row>
        <row r="5283">
          <cell r="C5283">
            <v>1.0244</v>
          </cell>
          <cell r="AT5283">
            <v>2012</v>
          </cell>
          <cell r="AU5283">
            <v>6</v>
          </cell>
        </row>
        <row r="5284">
          <cell r="C5284">
            <v>1.0244</v>
          </cell>
          <cell r="AT5284">
            <v>2012</v>
          </cell>
          <cell r="AU5284">
            <v>6</v>
          </cell>
        </row>
        <row r="5285">
          <cell r="C5285">
            <v>1.0266</v>
          </cell>
          <cell r="AT5285">
            <v>2012</v>
          </cell>
          <cell r="AU5285">
            <v>6</v>
          </cell>
        </row>
        <row r="5286">
          <cell r="C5286">
            <v>1.0178</v>
          </cell>
          <cell r="AT5286">
            <v>2012</v>
          </cell>
          <cell r="AU5286">
            <v>6</v>
          </cell>
        </row>
        <row r="5287">
          <cell r="C5287">
            <v>1.0194000000000001</v>
          </cell>
          <cell r="AT5287">
            <v>2012</v>
          </cell>
          <cell r="AU5287">
            <v>6</v>
          </cell>
        </row>
        <row r="5288">
          <cell r="C5288">
            <v>1.0250999999999999</v>
          </cell>
          <cell r="AT5288">
            <v>2012</v>
          </cell>
          <cell r="AU5288">
            <v>6</v>
          </cell>
        </row>
        <row r="5289">
          <cell r="C5289">
            <v>1.026</v>
          </cell>
          <cell r="AT5289">
            <v>2012</v>
          </cell>
          <cell r="AU5289">
            <v>6</v>
          </cell>
        </row>
        <row r="5290">
          <cell r="C5290">
            <v>1.026</v>
          </cell>
          <cell r="AT5290">
            <v>2012</v>
          </cell>
          <cell r="AU5290">
            <v>6</v>
          </cell>
        </row>
        <row r="5291">
          <cell r="C5291">
            <v>1.026</v>
          </cell>
          <cell r="AT5291">
            <v>2012</v>
          </cell>
          <cell r="AU5291">
            <v>6</v>
          </cell>
        </row>
        <row r="5292">
          <cell r="C5292">
            <v>1.026</v>
          </cell>
          <cell r="AT5292">
            <v>2012</v>
          </cell>
          <cell r="AU5292">
            <v>6</v>
          </cell>
        </row>
        <row r="5293">
          <cell r="C5293">
            <v>1.0265</v>
          </cell>
          <cell r="AT5293">
            <v>2012</v>
          </cell>
          <cell r="AU5293">
            <v>6</v>
          </cell>
        </row>
        <row r="5294">
          <cell r="C5294">
            <v>1.0257000000000001</v>
          </cell>
          <cell r="AT5294">
            <v>2012</v>
          </cell>
          <cell r="AU5294">
            <v>6</v>
          </cell>
        </row>
        <row r="5295">
          <cell r="C5295">
            <v>1.0333000000000001</v>
          </cell>
          <cell r="AT5295">
            <v>2012</v>
          </cell>
          <cell r="AU5295">
            <v>6</v>
          </cell>
        </row>
        <row r="5296">
          <cell r="C5296">
            <v>1.0190999999999999</v>
          </cell>
          <cell r="AT5296">
            <v>2012</v>
          </cell>
          <cell r="AU5296">
            <v>6</v>
          </cell>
        </row>
        <row r="5297">
          <cell r="C5297">
            <v>1.0190999999999999</v>
          </cell>
          <cell r="AT5297">
            <v>2012</v>
          </cell>
          <cell r="AU5297">
            <v>7</v>
          </cell>
        </row>
        <row r="5298">
          <cell r="C5298">
            <v>1.0190999999999999</v>
          </cell>
          <cell r="AT5298">
            <v>2012</v>
          </cell>
          <cell r="AU5298">
            <v>7</v>
          </cell>
        </row>
        <row r="5299">
          <cell r="C5299">
            <v>1.0190999999999999</v>
          </cell>
          <cell r="AT5299">
            <v>2012</v>
          </cell>
          <cell r="AU5299">
            <v>7</v>
          </cell>
        </row>
        <row r="5300">
          <cell r="C5300">
            <v>1.0123</v>
          </cell>
          <cell r="AT5300">
            <v>2012</v>
          </cell>
          <cell r="AU5300">
            <v>7</v>
          </cell>
        </row>
        <row r="5301">
          <cell r="C5301">
            <v>1.0123</v>
          </cell>
          <cell r="AT5301">
            <v>2012</v>
          </cell>
          <cell r="AU5301">
            <v>7</v>
          </cell>
        </row>
        <row r="5302">
          <cell r="C5302">
            <v>1.0130999999999999</v>
          </cell>
          <cell r="AT5302">
            <v>2012</v>
          </cell>
          <cell r="AU5302">
            <v>7</v>
          </cell>
        </row>
        <row r="5303">
          <cell r="C5303">
            <v>1.0199</v>
          </cell>
          <cell r="AT5303">
            <v>2012</v>
          </cell>
          <cell r="AU5303">
            <v>7</v>
          </cell>
        </row>
        <row r="5304">
          <cell r="C5304">
            <v>1.0199</v>
          </cell>
          <cell r="AT5304">
            <v>2012</v>
          </cell>
          <cell r="AU5304">
            <v>7</v>
          </cell>
        </row>
        <row r="5305">
          <cell r="C5305">
            <v>1.0199</v>
          </cell>
          <cell r="AT5305">
            <v>2012</v>
          </cell>
          <cell r="AU5305">
            <v>7</v>
          </cell>
        </row>
        <row r="5306">
          <cell r="C5306">
            <v>1.0212000000000001</v>
          </cell>
          <cell r="AT5306">
            <v>2012</v>
          </cell>
          <cell r="AU5306">
            <v>7</v>
          </cell>
        </row>
        <row r="5307">
          <cell r="C5307">
            <v>1.0203</v>
          </cell>
          <cell r="AT5307">
            <v>2012</v>
          </cell>
          <cell r="AU5307">
            <v>7</v>
          </cell>
        </row>
        <row r="5308">
          <cell r="C5308">
            <v>1.0195000000000001</v>
          </cell>
          <cell r="AT5308">
            <v>2012</v>
          </cell>
          <cell r="AU5308">
            <v>7</v>
          </cell>
        </row>
        <row r="5309">
          <cell r="C5309">
            <v>1.0214000000000001</v>
          </cell>
          <cell r="AT5309">
            <v>2012</v>
          </cell>
          <cell r="AU5309">
            <v>7</v>
          </cell>
        </row>
        <row r="5310">
          <cell r="C5310">
            <v>1.0150999999999999</v>
          </cell>
          <cell r="AT5310">
            <v>2012</v>
          </cell>
          <cell r="AU5310">
            <v>7</v>
          </cell>
        </row>
        <row r="5311">
          <cell r="C5311">
            <v>1.0150999999999999</v>
          </cell>
          <cell r="AT5311">
            <v>2012</v>
          </cell>
          <cell r="AU5311">
            <v>7</v>
          </cell>
        </row>
        <row r="5312">
          <cell r="C5312">
            <v>1.0150999999999999</v>
          </cell>
          <cell r="AT5312">
            <v>2012</v>
          </cell>
          <cell r="AU5312">
            <v>7</v>
          </cell>
        </row>
        <row r="5313">
          <cell r="C5313">
            <v>1.0157</v>
          </cell>
          <cell r="AT5313">
            <v>2012</v>
          </cell>
          <cell r="AU5313">
            <v>7</v>
          </cell>
        </row>
        <row r="5314">
          <cell r="C5314">
            <v>1.0141</v>
          </cell>
          <cell r="AT5314">
            <v>2012</v>
          </cell>
          <cell r="AU5314">
            <v>7</v>
          </cell>
        </row>
        <row r="5315">
          <cell r="C5315">
            <v>1.0112000000000001</v>
          </cell>
          <cell r="AT5315">
            <v>2012</v>
          </cell>
          <cell r="AU5315">
            <v>7</v>
          </cell>
        </row>
        <row r="5316">
          <cell r="C5316">
            <v>1.0077</v>
          </cell>
          <cell r="AT5316">
            <v>2012</v>
          </cell>
          <cell r="AU5316">
            <v>7</v>
          </cell>
        </row>
        <row r="5317">
          <cell r="C5317">
            <v>1.0114000000000001</v>
          </cell>
          <cell r="AT5317">
            <v>2012</v>
          </cell>
          <cell r="AU5317">
            <v>7</v>
          </cell>
        </row>
        <row r="5318">
          <cell r="C5318">
            <v>1.0114000000000001</v>
          </cell>
          <cell r="AT5318">
            <v>2012</v>
          </cell>
          <cell r="AU5318">
            <v>7</v>
          </cell>
        </row>
        <row r="5319">
          <cell r="C5319">
            <v>1.0114000000000001</v>
          </cell>
          <cell r="AT5319">
            <v>2012</v>
          </cell>
          <cell r="AU5319">
            <v>7</v>
          </cell>
        </row>
        <row r="5320">
          <cell r="C5320">
            <v>1.0172000000000001</v>
          </cell>
          <cell r="AT5320">
            <v>2012</v>
          </cell>
          <cell r="AU5320">
            <v>7</v>
          </cell>
        </row>
        <row r="5321">
          <cell r="C5321">
            <v>1.0207999999999999</v>
          </cell>
          <cell r="AT5321">
            <v>2012</v>
          </cell>
          <cell r="AU5321">
            <v>7</v>
          </cell>
        </row>
        <row r="5322">
          <cell r="C5322">
            <v>1.0181</v>
          </cell>
          <cell r="AT5322">
            <v>2012</v>
          </cell>
          <cell r="AU5322">
            <v>7</v>
          </cell>
        </row>
        <row r="5323">
          <cell r="C5323">
            <v>1.0101</v>
          </cell>
          <cell r="AT5323">
            <v>2012</v>
          </cell>
          <cell r="AU5323">
            <v>7</v>
          </cell>
        </row>
        <row r="5324">
          <cell r="C5324">
            <v>1.006</v>
          </cell>
          <cell r="AT5324">
            <v>2012</v>
          </cell>
          <cell r="AU5324">
            <v>7</v>
          </cell>
        </row>
        <row r="5325">
          <cell r="C5325">
            <v>1.006</v>
          </cell>
          <cell r="AT5325">
            <v>2012</v>
          </cell>
          <cell r="AU5325">
            <v>7</v>
          </cell>
        </row>
        <row r="5326">
          <cell r="C5326">
            <v>1.006</v>
          </cell>
          <cell r="AT5326">
            <v>2012</v>
          </cell>
          <cell r="AU5326">
            <v>7</v>
          </cell>
        </row>
        <row r="5327">
          <cell r="C5327">
            <v>1.0033000000000001</v>
          </cell>
          <cell r="AT5327">
            <v>2012</v>
          </cell>
          <cell r="AU5327">
            <v>7</v>
          </cell>
        </row>
        <row r="5328">
          <cell r="C5328">
            <v>1.0014000000000001</v>
          </cell>
          <cell r="AT5328">
            <v>2012</v>
          </cell>
          <cell r="AU5328">
            <v>8</v>
          </cell>
        </row>
        <row r="5329">
          <cell r="C5329">
            <v>1.0017</v>
          </cell>
          <cell r="AT5329">
            <v>2012</v>
          </cell>
          <cell r="AU5329">
            <v>8</v>
          </cell>
        </row>
        <row r="5330">
          <cell r="C5330">
            <v>1.0062</v>
          </cell>
          <cell r="AT5330">
            <v>2012</v>
          </cell>
          <cell r="AU5330">
            <v>8</v>
          </cell>
        </row>
        <row r="5331">
          <cell r="C5331">
            <v>0.99860000000000004</v>
          </cell>
          <cell r="AT5331">
            <v>2012</v>
          </cell>
          <cell r="AU5331">
            <v>8</v>
          </cell>
        </row>
        <row r="5332">
          <cell r="C5332">
            <v>0.99860000000000004</v>
          </cell>
          <cell r="AT5332">
            <v>2012</v>
          </cell>
          <cell r="AU5332">
            <v>8</v>
          </cell>
        </row>
        <row r="5333">
          <cell r="C5333">
            <v>0.99860000000000004</v>
          </cell>
          <cell r="AT5333">
            <v>2012</v>
          </cell>
          <cell r="AU5333">
            <v>8</v>
          </cell>
        </row>
        <row r="5334">
          <cell r="C5334">
            <v>0.99860000000000004</v>
          </cell>
          <cell r="AT5334">
            <v>2012</v>
          </cell>
          <cell r="AU5334">
            <v>8</v>
          </cell>
        </row>
        <row r="5335">
          <cell r="C5335">
            <v>0.99639999999999995</v>
          </cell>
          <cell r="AT5335">
            <v>2012</v>
          </cell>
          <cell r="AU5335">
            <v>8</v>
          </cell>
        </row>
        <row r="5336">
          <cell r="C5336">
            <v>0.99470000000000003</v>
          </cell>
          <cell r="AT5336">
            <v>2012</v>
          </cell>
          <cell r="AU5336">
            <v>8</v>
          </cell>
        </row>
        <row r="5337">
          <cell r="C5337">
            <v>0.99239999999999995</v>
          </cell>
          <cell r="AT5337">
            <v>2012</v>
          </cell>
          <cell r="AU5337">
            <v>8</v>
          </cell>
        </row>
        <row r="5338">
          <cell r="C5338">
            <v>0.99160000000000004</v>
          </cell>
          <cell r="AT5338">
            <v>2012</v>
          </cell>
          <cell r="AU5338">
            <v>8</v>
          </cell>
        </row>
        <row r="5339">
          <cell r="C5339">
            <v>0.99160000000000004</v>
          </cell>
          <cell r="AT5339">
            <v>2012</v>
          </cell>
          <cell r="AU5339">
            <v>8</v>
          </cell>
        </row>
        <row r="5340">
          <cell r="C5340">
            <v>0.99160000000000004</v>
          </cell>
          <cell r="AT5340">
            <v>2012</v>
          </cell>
          <cell r="AU5340">
            <v>8</v>
          </cell>
        </row>
        <row r="5341">
          <cell r="C5341">
            <v>0.99329999999999996</v>
          </cell>
          <cell r="AT5341">
            <v>2012</v>
          </cell>
          <cell r="AU5341">
            <v>8</v>
          </cell>
        </row>
        <row r="5342">
          <cell r="C5342">
            <v>0.99139999999999995</v>
          </cell>
          <cell r="AT5342">
            <v>2012</v>
          </cell>
          <cell r="AU5342">
            <v>8</v>
          </cell>
        </row>
        <row r="5343">
          <cell r="C5343">
            <v>0.98909999999999998</v>
          </cell>
          <cell r="AT5343">
            <v>2012</v>
          </cell>
          <cell r="AU5343">
            <v>8</v>
          </cell>
        </row>
        <row r="5344">
          <cell r="C5344">
            <v>0.98809999999999998</v>
          </cell>
          <cell r="AT5344">
            <v>2012</v>
          </cell>
          <cell r="AU5344">
            <v>8</v>
          </cell>
        </row>
        <row r="5345">
          <cell r="C5345">
            <v>0.98850000000000005</v>
          </cell>
          <cell r="AT5345">
            <v>2012</v>
          </cell>
          <cell r="AU5345">
            <v>8</v>
          </cell>
        </row>
        <row r="5346">
          <cell r="C5346">
            <v>0.98850000000000005</v>
          </cell>
          <cell r="AT5346">
            <v>2012</v>
          </cell>
          <cell r="AU5346">
            <v>8</v>
          </cell>
        </row>
        <row r="5347">
          <cell r="C5347">
            <v>0.98850000000000005</v>
          </cell>
          <cell r="AT5347">
            <v>2012</v>
          </cell>
          <cell r="AU5347">
            <v>8</v>
          </cell>
        </row>
        <row r="5348">
          <cell r="C5348">
            <v>0.98899999999999999</v>
          </cell>
          <cell r="AT5348">
            <v>2012</v>
          </cell>
          <cell r="AU5348">
            <v>8</v>
          </cell>
        </row>
        <row r="5349">
          <cell r="C5349">
            <v>0.98640000000000005</v>
          </cell>
          <cell r="AT5349">
            <v>2012</v>
          </cell>
          <cell r="AU5349">
            <v>8</v>
          </cell>
        </row>
        <row r="5350">
          <cell r="C5350">
            <v>0.9929</v>
          </cell>
          <cell r="AT5350">
            <v>2012</v>
          </cell>
          <cell r="AU5350">
            <v>8</v>
          </cell>
        </row>
        <row r="5351">
          <cell r="C5351">
            <v>0.99280000000000002</v>
          </cell>
          <cell r="AT5351">
            <v>2012</v>
          </cell>
          <cell r="AU5351">
            <v>8</v>
          </cell>
        </row>
        <row r="5352">
          <cell r="C5352">
            <v>0.99199999999999999</v>
          </cell>
          <cell r="AT5352">
            <v>2012</v>
          </cell>
          <cell r="AU5352">
            <v>8</v>
          </cell>
        </row>
        <row r="5353">
          <cell r="C5353">
            <v>0.99199999999999999</v>
          </cell>
          <cell r="AT5353">
            <v>2012</v>
          </cell>
          <cell r="AU5353">
            <v>8</v>
          </cell>
        </row>
        <row r="5354">
          <cell r="C5354">
            <v>0.99199999999999999</v>
          </cell>
          <cell r="AT5354">
            <v>2012</v>
          </cell>
          <cell r="AU5354">
            <v>8</v>
          </cell>
        </row>
        <row r="5355">
          <cell r="C5355">
            <v>0.98919999999999997</v>
          </cell>
          <cell r="AT5355">
            <v>2012</v>
          </cell>
          <cell r="AU5355">
            <v>8</v>
          </cell>
        </row>
        <row r="5356">
          <cell r="C5356">
            <v>0.98640000000000005</v>
          </cell>
          <cell r="AT5356">
            <v>2012</v>
          </cell>
          <cell r="AU5356">
            <v>8</v>
          </cell>
        </row>
        <row r="5357">
          <cell r="C5357">
            <v>0.98750000000000004</v>
          </cell>
          <cell r="AT5357">
            <v>2012</v>
          </cell>
          <cell r="AU5357">
            <v>8</v>
          </cell>
        </row>
        <row r="5358">
          <cell r="C5358">
            <v>0.99260000000000004</v>
          </cell>
          <cell r="AT5358">
            <v>2012</v>
          </cell>
          <cell r="AU5358">
            <v>8</v>
          </cell>
        </row>
        <row r="5359">
          <cell r="C5359">
            <v>0.98629999999999995</v>
          </cell>
          <cell r="AT5359">
            <v>2012</v>
          </cell>
          <cell r="AU5359">
            <v>9</v>
          </cell>
        </row>
        <row r="5360">
          <cell r="C5360">
            <v>0.98629999999999995</v>
          </cell>
          <cell r="AT5360">
            <v>2012</v>
          </cell>
          <cell r="AU5360">
            <v>9</v>
          </cell>
        </row>
        <row r="5361">
          <cell r="C5361">
            <v>0.98629999999999995</v>
          </cell>
          <cell r="AT5361">
            <v>2012</v>
          </cell>
          <cell r="AU5361">
            <v>9</v>
          </cell>
        </row>
        <row r="5362">
          <cell r="C5362">
            <v>0.98629999999999995</v>
          </cell>
          <cell r="AT5362">
            <v>2012</v>
          </cell>
          <cell r="AU5362">
            <v>9</v>
          </cell>
        </row>
        <row r="5363">
          <cell r="C5363">
            <v>0.98629999999999995</v>
          </cell>
          <cell r="AT5363">
            <v>2012</v>
          </cell>
          <cell r="AU5363">
            <v>9</v>
          </cell>
        </row>
        <row r="5364">
          <cell r="C5364">
            <v>0.99019999999999997</v>
          </cell>
          <cell r="AT5364">
            <v>2012</v>
          </cell>
          <cell r="AU5364">
            <v>9</v>
          </cell>
        </row>
        <row r="5365">
          <cell r="C5365">
            <v>0.98250000000000004</v>
          </cell>
          <cell r="AT5365">
            <v>2012</v>
          </cell>
          <cell r="AU5365">
            <v>9</v>
          </cell>
        </row>
        <row r="5366">
          <cell r="C5366">
            <v>0.9778</v>
          </cell>
          <cell r="AT5366">
            <v>2012</v>
          </cell>
          <cell r="AU5366">
            <v>9</v>
          </cell>
        </row>
        <row r="5367">
          <cell r="C5367">
            <v>0.9778</v>
          </cell>
          <cell r="AT5367">
            <v>2012</v>
          </cell>
          <cell r="AU5367">
            <v>9</v>
          </cell>
        </row>
        <row r="5368">
          <cell r="C5368">
            <v>0.9778</v>
          </cell>
          <cell r="AT5368">
            <v>2012</v>
          </cell>
          <cell r="AU5368">
            <v>9</v>
          </cell>
        </row>
        <row r="5369">
          <cell r="C5369">
            <v>0.97619999999999996</v>
          </cell>
          <cell r="AT5369">
            <v>2012</v>
          </cell>
          <cell r="AU5369">
            <v>9</v>
          </cell>
        </row>
        <row r="5370">
          <cell r="C5370">
            <v>0.97240000000000004</v>
          </cell>
          <cell r="AT5370">
            <v>2012</v>
          </cell>
          <cell r="AU5370">
            <v>9</v>
          </cell>
        </row>
        <row r="5371">
          <cell r="C5371">
            <v>0.97570000000000001</v>
          </cell>
          <cell r="AT5371">
            <v>2012</v>
          </cell>
          <cell r="AU5371">
            <v>9</v>
          </cell>
        </row>
        <row r="5372">
          <cell r="C5372">
            <v>0.97529999999999994</v>
          </cell>
          <cell r="AT5372">
            <v>2012</v>
          </cell>
          <cell r="AU5372">
            <v>9</v>
          </cell>
        </row>
        <row r="5373">
          <cell r="C5373">
            <v>0.97099999999999997</v>
          </cell>
          <cell r="AT5373">
            <v>2012</v>
          </cell>
          <cell r="AU5373">
            <v>9</v>
          </cell>
        </row>
        <row r="5374">
          <cell r="C5374">
            <v>0.97099999999999997</v>
          </cell>
          <cell r="AT5374">
            <v>2012</v>
          </cell>
          <cell r="AU5374">
            <v>9</v>
          </cell>
        </row>
        <row r="5375">
          <cell r="C5375">
            <v>0.97099999999999997</v>
          </cell>
          <cell r="AT5375">
            <v>2012</v>
          </cell>
          <cell r="AU5375">
            <v>9</v>
          </cell>
        </row>
        <row r="5376">
          <cell r="C5376">
            <v>0.97230000000000005</v>
          </cell>
          <cell r="AT5376">
            <v>2012</v>
          </cell>
          <cell r="AU5376">
            <v>9</v>
          </cell>
        </row>
        <row r="5377">
          <cell r="C5377">
            <v>0.97419999999999995</v>
          </cell>
          <cell r="AT5377">
            <v>2012</v>
          </cell>
          <cell r="AU5377">
            <v>9</v>
          </cell>
        </row>
        <row r="5378">
          <cell r="C5378">
            <v>0.97450000000000003</v>
          </cell>
          <cell r="AT5378">
            <v>2012</v>
          </cell>
          <cell r="AU5378">
            <v>9</v>
          </cell>
        </row>
        <row r="5379">
          <cell r="C5379">
            <v>0.97740000000000005</v>
          </cell>
          <cell r="AT5379">
            <v>2012</v>
          </cell>
          <cell r="AU5379">
            <v>9</v>
          </cell>
        </row>
        <row r="5380">
          <cell r="C5380">
            <v>0.97540000000000004</v>
          </cell>
          <cell r="AT5380">
            <v>2012</v>
          </cell>
          <cell r="AU5380">
            <v>9</v>
          </cell>
        </row>
        <row r="5381">
          <cell r="C5381">
            <v>0.97540000000000004</v>
          </cell>
          <cell r="AT5381">
            <v>2012</v>
          </cell>
          <cell r="AU5381">
            <v>9</v>
          </cell>
        </row>
        <row r="5382">
          <cell r="C5382">
            <v>0.97540000000000004</v>
          </cell>
          <cell r="AT5382">
            <v>2012</v>
          </cell>
          <cell r="AU5382">
            <v>9</v>
          </cell>
        </row>
        <row r="5383">
          <cell r="C5383">
            <v>0.98009999999999997</v>
          </cell>
          <cell r="AT5383">
            <v>2012</v>
          </cell>
          <cell r="AU5383">
            <v>9</v>
          </cell>
        </row>
        <row r="5384">
          <cell r="C5384">
            <v>0.97699999999999998</v>
          </cell>
          <cell r="AT5384">
            <v>2012</v>
          </cell>
          <cell r="AU5384">
            <v>9</v>
          </cell>
        </row>
        <row r="5385">
          <cell r="C5385">
            <v>0.98419999999999996</v>
          </cell>
          <cell r="AT5385">
            <v>2012</v>
          </cell>
          <cell r="AU5385">
            <v>9</v>
          </cell>
        </row>
        <row r="5386">
          <cell r="C5386">
            <v>0.98140000000000005</v>
          </cell>
          <cell r="AT5386">
            <v>2012</v>
          </cell>
          <cell r="AU5386">
            <v>9</v>
          </cell>
        </row>
        <row r="5387">
          <cell r="C5387">
            <v>0.98370000000000002</v>
          </cell>
          <cell r="AT5387">
            <v>2012</v>
          </cell>
          <cell r="AU5387">
            <v>9</v>
          </cell>
        </row>
        <row r="5388">
          <cell r="C5388">
            <v>0.98370000000000002</v>
          </cell>
          <cell r="AT5388">
            <v>2012</v>
          </cell>
          <cell r="AU5388">
            <v>9</v>
          </cell>
        </row>
        <row r="5389">
          <cell r="C5389">
            <v>0.98370000000000002</v>
          </cell>
          <cell r="AT5389">
            <v>2012</v>
          </cell>
          <cell r="AU5389">
            <v>10</v>
          </cell>
        </row>
        <row r="5390">
          <cell r="C5390">
            <v>0.98270000000000002</v>
          </cell>
          <cell r="AT5390">
            <v>2012</v>
          </cell>
          <cell r="AU5390">
            <v>10</v>
          </cell>
        </row>
        <row r="5391">
          <cell r="C5391">
            <v>0.9829</v>
          </cell>
          <cell r="AT5391">
            <v>2012</v>
          </cell>
          <cell r="AU5391">
            <v>10</v>
          </cell>
        </row>
        <row r="5392">
          <cell r="C5392">
            <v>0.98699999999999999</v>
          </cell>
          <cell r="AT5392">
            <v>2012</v>
          </cell>
          <cell r="AU5392">
            <v>10</v>
          </cell>
        </row>
        <row r="5393">
          <cell r="C5393">
            <v>0.98219999999999996</v>
          </cell>
          <cell r="AT5393">
            <v>2012</v>
          </cell>
          <cell r="AU5393">
            <v>10</v>
          </cell>
        </row>
        <row r="5394">
          <cell r="C5394">
            <v>0.97629999999999995</v>
          </cell>
          <cell r="AT5394">
            <v>2012</v>
          </cell>
          <cell r="AU5394">
            <v>10</v>
          </cell>
        </row>
        <row r="5395">
          <cell r="C5395">
            <v>0.97629999999999995</v>
          </cell>
          <cell r="AT5395">
            <v>2012</v>
          </cell>
          <cell r="AU5395">
            <v>10</v>
          </cell>
        </row>
        <row r="5396">
          <cell r="C5396">
            <v>0.97629999999999995</v>
          </cell>
          <cell r="AT5396">
            <v>2012</v>
          </cell>
          <cell r="AU5396">
            <v>10</v>
          </cell>
        </row>
        <row r="5397">
          <cell r="C5397">
            <v>0.97629999999999995</v>
          </cell>
          <cell r="AT5397">
            <v>2012</v>
          </cell>
          <cell r="AU5397">
            <v>10</v>
          </cell>
        </row>
        <row r="5398">
          <cell r="C5398">
            <v>0.9788</v>
          </cell>
          <cell r="AT5398">
            <v>2012</v>
          </cell>
          <cell r="AU5398">
            <v>10</v>
          </cell>
        </row>
        <row r="5399">
          <cell r="C5399">
            <v>0.97870000000000001</v>
          </cell>
          <cell r="AT5399">
            <v>2012</v>
          </cell>
          <cell r="AU5399">
            <v>10</v>
          </cell>
        </row>
        <row r="5400">
          <cell r="C5400">
            <v>0.97819999999999996</v>
          </cell>
          <cell r="AT5400">
            <v>2012</v>
          </cell>
          <cell r="AU5400">
            <v>10</v>
          </cell>
        </row>
        <row r="5401">
          <cell r="C5401">
            <v>0.97989999999999999</v>
          </cell>
          <cell r="AT5401">
            <v>2012</v>
          </cell>
          <cell r="AU5401">
            <v>10</v>
          </cell>
        </row>
        <row r="5402">
          <cell r="C5402">
            <v>0.97989999999999999</v>
          </cell>
          <cell r="AT5402">
            <v>2012</v>
          </cell>
          <cell r="AU5402">
            <v>10</v>
          </cell>
        </row>
        <row r="5403">
          <cell r="C5403">
            <v>0.97989999999999999</v>
          </cell>
          <cell r="AT5403">
            <v>2012</v>
          </cell>
          <cell r="AU5403">
            <v>10</v>
          </cell>
        </row>
        <row r="5404">
          <cell r="C5404">
            <v>0.97840000000000005</v>
          </cell>
          <cell r="AT5404">
            <v>2012</v>
          </cell>
          <cell r="AU5404">
            <v>10</v>
          </cell>
        </row>
        <row r="5405">
          <cell r="C5405">
            <v>0.98540000000000005</v>
          </cell>
          <cell r="AT5405">
            <v>2012</v>
          </cell>
          <cell r="AU5405">
            <v>10</v>
          </cell>
        </row>
        <row r="5406">
          <cell r="C5406">
            <v>0.97960000000000003</v>
          </cell>
          <cell r="AT5406">
            <v>2012</v>
          </cell>
          <cell r="AU5406">
            <v>10</v>
          </cell>
        </row>
        <row r="5407">
          <cell r="C5407">
            <v>0.98080000000000001</v>
          </cell>
          <cell r="AT5407">
            <v>2012</v>
          </cell>
          <cell r="AU5407">
            <v>10</v>
          </cell>
        </row>
        <row r="5408">
          <cell r="C5408">
            <v>0.99319999999999997</v>
          </cell>
          <cell r="AT5408">
            <v>2012</v>
          </cell>
          <cell r="AU5408">
            <v>10</v>
          </cell>
        </row>
        <row r="5409">
          <cell r="C5409">
            <v>0.99319999999999997</v>
          </cell>
          <cell r="AT5409">
            <v>2012</v>
          </cell>
          <cell r="AU5409">
            <v>10</v>
          </cell>
        </row>
        <row r="5410">
          <cell r="C5410">
            <v>0.99319999999999997</v>
          </cell>
          <cell r="AT5410">
            <v>2012</v>
          </cell>
          <cell r="AU5410">
            <v>10</v>
          </cell>
        </row>
        <row r="5411">
          <cell r="C5411">
            <v>0.99380000000000002</v>
          </cell>
          <cell r="AT5411">
            <v>2012</v>
          </cell>
          <cell r="AU5411">
            <v>10</v>
          </cell>
        </row>
        <row r="5412">
          <cell r="C5412">
            <v>0.99339999999999995</v>
          </cell>
          <cell r="AT5412">
            <v>2012</v>
          </cell>
          <cell r="AU5412">
            <v>10</v>
          </cell>
        </row>
        <row r="5413">
          <cell r="C5413">
            <v>0.99460000000000004</v>
          </cell>
          <cell r="AT5413">
            <v>2012</v>
          </cell>
          <cell r="AU5413">
            <v>10</v>
          </cell>
        </row>
        <row r="5414">
          <cell r="C5414">
            <v>0.99419999999999997</v>
          </cell>
          <cell r="AT5414">
            <v>2012</v>
          </cell>
          <cell r="AU5414">
            <v>10</v>
          </cell>
        </row>
        <row r="5415">
          <cell r="C5415">
            <v>0.999</v>
          </cell>
          <cell r="AT5415">
            <v>2012</v>
          </cell>
          <cell r="AU5415">
            <v>10</v>
          </cell>
        </row>
        <row r="5416">
          <cell r="C5416">
            <v>0.999</v>
          </cell>
          <cell r="AT5416">
            <v>2012</v>
          </cell>
          <cell r="AU5416">
            <v>10</v>
          </cell>
        </row>
        <row r="5417">
          <cell r="C5417">
            <v>0.999</v>
          </cell>
          <cell r="AT5417">
            <v>2012</v>
          </cell>
          <cell r="AU5417">
            <v>10</v>
          </cell>
        </row>
        <row r="5418">
          <cell r="C5418">
            <v>1.0004</v>
          </cell>
          <cell r="AT5418">
            <v>2012</v>
          </cell>
          <cell r="AU5418">
            <v>10</v>
          </cell>
        </row>
        <row r="5419">
          <cell r="C5419">
            <v>0.99939999999999996</v>
          </cell>
          <cell r="AT5419">
            <v>2012</v>
          </cell>
          <cell r="AU5419">
            <v>10</v>
          </cell>
        </row>
        <row r="5420">
          <cell r="C5420">
            <v>0.99960000000000004</v>
          </cell>
          <cell r="AT5420">
            <v>2012</v>
          </cell>
          <cell r="AU5420">
            <v>11</v>
          </cell>
        </row>
        <row r="5421">
          <cell r="C5421">
            <v>0.99729999999999996</v>
          </cell>
          <cell r="AT5421">
            <v>2012</v>
          </cell>
          <cell r="AU5421">
            <v>11</v>
          </cell>
        </row>
        <row r="5422">
          <cell r="C5422">
            <v>0.99639999999999995</v>
          </cell>
          <cell r="AT5422">
            <v>2012</v>
          </cell>
          <cell r="AU5422">
            <v>11</v>
          </cell>
        </row>
        <row r="5423">
          <cell r="C5423">
            <v>0.99639999999999995</v>
          </cell>
          <cell r="AT5423">
            <v>2012</v>
          </cell>
          <cell r="AU5423">
            <v>11</v>
          </cell>
        </row>
        <row r="5424">
          <cell r="C5424">
            <v>0.99639999999999995</v>
          </cell>
          <cell r="AT5424">
            <v>2012</v>
          </cell>
          <cell r="AU5424">
            <v>11</v>
          </cell>
        </row>
        <row r="5425">
          <cell r="C5425">
            <v>0.99650000000000005</v>
          </cell>
          <cell r="AT5425">
            <v>2012</v>
          </cell>
          <cell r="AU5425">
            <v>11</v>
          </cell>
        </row>
        <row r="5426">
          <cell r="C5426">
            <v>0.99360000000000004</v>
          </cell>
          <cell r="AT5426">
            <v>2012</v>
          </cell>
          <cell r="AU5426">
            <v>11</v>
          </cell>
        </row>
        <row r="5427">
          <cell r="C5427">
            <v>0.99719999999999998</v>
          </cell>
          <cell r="AT5427">
            <v>2012</v>
          </cell>
          <cell r="AU5427">
            <v>11</v>
          </cell>
        </row>
        <row r="5428">
          <cell r="C5428">
            <v>0.99860000000000004</v>
          </cell>
          <cell r="AT5428">
            <v>2012</v>
          </cell>
          <cell r="AU5428">
            <v>11</v>
          </cell>
        </row>
        <row r="5429">
          <cell r="C5429">
            <v>1.0005999999999999</v>
          </cell>
          <cell r="AT5429">
            <v>2012</v>
          </cell>
          <cell r="AU5429">
            <v>11</v>
          </cell>
        </row>
        <row r="5430">
          <cell r="C5430">
            <v>1.0005999999999999</v>
          </cell>
          <cell r="AT5430">
            <v>2012</v>
          </cell>
          <cell r="AU5430">
            <v>11</v>
          </cell>
        </row>
        <row r="5431">
          <cell r="C5431">
            <v>1.0005999999999999</v>
          </cell>
          <cell r="AT5431">
            <v>2012</v>
          </cell>
          <cell r="AU5431">
            <v>11</v>
          </cell>
        </row>
        <row r="5432">
          <cell r="C5432">
            <v>1.0005999999999999</v>
          </cell>
          <cell r="AT5432">
            <v>2012</v>
          </cell>
          <cell r="AU5432">
            <v>11</v>
          </cell>
        </row>
        <row r="5433">
          <cell r="C5433">
            <v>1.0016</v>
          </cell>
          <cell r="AT5433">
            <v>2012</v>
          </cell>
          <cell r="AU5433">
            <v>11</v>
          </cell>
        </row>
        <row r="5434">
          <cell r="C5434">
            <v>1.0018</v>
          </cell>
          <cell r="AT5434">
            <v>2012</v>
          </cell>
          <cell r="AU5434">
            <v>11</v>
          </cell>
        </row>
        <row r="5435">
          <cell r="C5435">
            <v>1.0024999999999999</v>
          </cell>
          <cell r="AT5435">
            <v>2012</v>
          </cell>
          <cell r="AU5435">
            <v>11</v>
          </cell>
        </row>
        <row r="5436">
          <cell r="C5436">
            <v>1.0027999999999999</v>
          </cell>
          <cell r="AT5436">
            <v>2012</v>
          </cell>
          <cell r="AU5436">
            <v>11</v>
          </cell>
        </row>
        <row r="5437">
          <cell r="C5437">
            <v>1.0027999999999999</v>
          </cell>
          <cell r="AT5437">
            <v>2012</v>
          </cell>
          <cell r="AU5437">
            <v>11</v>
          </cell>
        </row>
        <row r="5438">
          <cell r="C5438">
            <v>1.0027999999999999</v>
          </cell>
          <cell r="AT5438">
            <v>2012</v>
          </cell>
          <cell r="AU5438">
            <v>11</v>
          </cell>
        </row>
        <row r="5439">
          <cell r="C5439">
            <v>0.99639999999999995</v>
          </cell>
          <cell r="AT5439">
            <v>2012</v>
          </cell>
          <cell r="AU5439">
            <v>11</v>
          </cell>
        </row>
        <row r="5440">
          <cell r="C5440">
            <v>0.997</v>
          </cell>
          <cell r="AT5440">
            <v>2012</v>
          </cell>
          <cell r="AU5440">
            <v>11</v>
          </cell>
        </row>
        <row r="5441">
          <cell r="C5441">
            <v>0.998</v>
          </cell>
          <cell r="AT5441">
            <v>2012</v>
          </cell>
          <cell r="AU5441">
            <v>11</v>
          </cell>
        </row>
        <row r="5442">
          <cell r="C5442">
            <v>0.998</v>
          </cell>
          <cell r="AT5442">
            <v>2012</v>
          </cell>
          <cell r="AU5442">
            <v>11</v>
          </cell>
        </row>
        <row r="5443">
          <cell r="C5443">
            <v>0.998</v>
          </cell>
          <cell r="AT5443">
            <v>2012</v>
          </cell>
          <cell r="AU5443">
            <v>11</v>
          </cell>
        </row>
        <row r="5444">
          <cell r="C5444">
            <v>0.998</v>
          </cell>
          <cell r="AT5444">
            <v>2012</v>
          </cell>
          <cell r="AU5444">
            <v>11</v>
          </cell>
        </row>
        <row r="5445">
          <cell r="C5445">
            <v>0.998</v>
          </cell>
          <cell r="AT5445">
            <v>2012</v>
          </cell>
          <cell r="AU5445">
            <v>11</v>
          </cell>
        </row>
        <row r="5446">
          <cell r="C5446">
            <v>0.99490000000000001</v>
          </cell>
          <cell r="AT5446">
            <v>2012</v>
          </cell>
          <cell r="AU5446">
            <v>11</v>
          </cell>
        </row>
        <row r="5447">
          <cell r="C5447">
            <v>0.99360000000000004</v>
          </cell>
          <cell r="AT5447">
            <v>2012</v>
          </cell>
          <cell r="AU5447">
            <v>11</v>
          </cell>
        </row>
        <row r="5448">
          <cell r="C5448">
            <v>0.9929</v>
          </cell>
          <cell r="AT5448">
            <v>2012</v>
          </cell>
          <cell r="AU5448">
            <v>11</v>
          </cell>
        </row>
        <row r="5449">
          <cell r="C5449">
            <v>0.99299999999999999</v>
          </cell>
          <cell r="AT5449">
            <v>2012</v>
          </cell>
          <cell r="AU5449">
            <v>11</v>
          </cell>
        </row>
        <row r="5450">
          <cell r="C5450">
            <v>0.99319999999999997</v>
          </cell>
          <cell r="AT5450">
            <v>2012</v>
          </cell>
          <cell r="AU5450">
            <v>12</v>
          </cell>
        </row>
        <row r="5451">
          <cell r="C5451">
            <v>0.99319999999999997</v>
          </cell>
          <cell r="AT5451">
            <v>2012</v>
          </cell>
          <cell r="AU5451">
            <v>12</v>
          </cell>
        </row>
        <row r="5452">
          <cell r="C5452">
            <v>0.99319999999999997</v>
          </cell>
          <cell r="AT5452">
            <v>2012</v>
          </cell>
          <cell r="AU5452">
            <v>12</v>
          </cell>
        </row>
        <row r="5453">
          <cell r="C5453">
            <v>0.99280000000000002</v>
          </cell>
          <cell r="AT5453">
            <v>2012</v>
          </cell>
          <cell r="AU5453">
            <v>12</v>
          </cell>
        </row>
        <row r="5454">
          <cell r="C5454">
            <v>0.99270000000000003</v>
          </cell>
          <cell r="AT5454">
            <v>2012</v>
          </cell>
          <cell r="AU5454">
            <v>12</v>
          </cell>
        </row>
        <row r="5455">
          <cell r="C5455">
            <v>0.99119999999999997</v>
          </cell>
          <cell r="AT5455">
            <v>2012</v>
          </cell>
          <cell r="AU5455">
            <v>12</v>
          </cell>
        </row>
        <row r="5456">
          <cell r="C5456">
            <v>0.99099999999999999</v>
          </cell>
          <cell r="AT5456">
            <v>2012</v>
          </cell>
          <cell r="AU5456">
            <v>12</v>
          </cell>
        </row>
        <row r="5457">
          <cell r="C5457">
            <v>0.98899999999999999</v>
          </cell>
          <cell r="AT5457">
            <v>2012</v>
          </cell>
          <cell r="AU5457">
            <v>12</v>
          </cell>
        </row>
        <row r="5458">
          <cell r="C5458">
            <v>0.98899999999999999</v>
          </cell>
          <cell r="AT5458">
            <v>2012</v>
          </cell>
          <cell r="AU5458">
            <v>12</v>
          </cell>
        </row>
        <row r="5459">
          <cell r="C5459">
            <v>0.98899999999999999</v>
          </cell>
          <cell r="AT5459">
            <v>2012</v>
          </cell>
          <cell r="AU5459">
            <v>12</v>
          </cell>
        </row>
        <row r="5460">
          <cell r="C5460">
            <v>0.98719999999999997</v>
          </cell>
          <cell r="AT5460">
            <v>2012</v>
          </cell>
          <cell r="AU5460">
            <v>12</v>
          </cell>
        </row>
        <row r="5461">
          <cell r="C5461">
            <v>0.98670000000000002</v>
          </cell>
          <cell r="AT5461">
            <v>2012</v>
          </cell>
          <cell r="AU5461">
            <v>12</v>
          </cell>
        </row>
        <row r="5462">
          <cell r="C5462">
            <v>0.98540000000000005</v>
          </cell>
          <cell r="AT5462">
            <v>2012</v>
          </cell>
          <cell r="AU5462">
            <v>12</v>
          </cell>
        </row>
        <row r="5463">
          <cell r="C5463">
            <v>0.98470000000000002</v>
          </cell>
          <cell r="AT5463">
            <v>2012</v>
          </cell>
          <cell r="AU5463">
            <v>12</v>
          </cell>
        </row>
        <row r="5464">
          <cell r="C5464">
            <v>0.98599999999999999</v>
          </cell>
          <cell r="AT5464">
            <v>2012</v>
          </cell>
          <cell r="AU5464">
            <v>12</v>
          </cell>
        </row>
        <row r="5465">
          <cell r="C5465">
            <v>0.98599999999999999</v>
          </cell>
          <cell r="AT5465">
            <v>2012</v>
          </cell>
          <cell r="AU5465">
            <v>12</v>
          </cell>
        </row>
        <row r="5466">
          <cell r="C5466">
            <v>0.98599999999999999</v>
          </cell>
          <cell r="AT5466">
            <v>2012</v>
          </cell>
          <cell r="AU5466">
            <v>12</v>
          </cell>
        </row>
        <row r="5467">
          <cell r="C5467">
            <v>0.98409999999999997</v>
          </cell>
          <cell r="AT5467">
            <v>2012</v>
          </cell>
          <cell r="AU5467">
            <v>12</v>
          </cell>
        </row>
        <row r="5468">
          <cell r="C5468">
            <v>0.98540000000000005</v>
          </cell>
          <cell r="AT5468">
            <v>2012</v>
          </cell>
          <cell r="AU5468">
            <v>12</v>
          </cell>
        </row>
        <row r="5469">
          <cell r="C5469">
            <v>0.98680000000000001</v>
          </cell>
          <cell r="AT5469">
            <v>2012</v>
          </cell>
          <cell r="AU5469">
            <v>12</v>
          </cell>
        </row>
        <row r="5470">
          <cell r="C5470">
            <v>0.98829999999999996</v>
          </cell>
          <cell r="AT5470">
            <v>2012</v>
          </cell>
          <cell r="AU5470">
            <v>12</v>
          </cell>
        </row>
        <row r="5471">
          <cell r="C5471">
            <v>0.99419999999999997</v>
          </cell>
          <cell r="AT5471">
            <v>2012</v>
          </cell>
          <cell r="AU5471">
            <v>12</v>
          </cell>
        </row>
        <row r="5472">
          <cell r="C5472">
            <v>0.99419999999999997</v>
          </cell>
          <cell r="AT5472">
            <v>2012</v>
          </cell>
          <cell r="AU5472">
            <v>12</v>
          </cell>
        </row>
        <row r="5473">
          <cell r="C5473">
            <v>0.99419999999999997</v>
          </cell>
          <cell r="AT5473">
            <v>2012</v>
          </cell>
          <cell r="AU5473">
            <v>12</v>
          </cell>
        </row>
        <row r="5474">
          <cell r="C5474">
            <v>0.99129999999999996</v>
          </cell>
          <cell r="AT5474">
            <v>2012</v>
          </cell>
          <cell r="AU5474">
            <v>12</v>
          </cell>
        </row>
        <row r="5475">
          <cell r="C5475">
            <v>0.99129999999999996</v>
          </cell>
          <cell r="AT5475">
            <v>2012</v>
          </cell>
          <cell r="AU5475">
            <v>12</v>
          </cell>
        </row>
        <row r="5476">
          <cell r="C5476">
            <v>0.99129999999999996</v>
          </cell>
          <cell r="AT5476">
            <v>2012</v>
          </cell>
          <cell r="AU5476">
            <v>12</v>
          </cell>
        </row>
        <row r="5477">
          <cell r="C5477">
            <v>0.99490000000000001</v>
          </cell>
          <cell r="AT5477">
            <v>2012</v>
          </cell>
          <cell r="AU5477">
            <v>12</v>
          </cell>
        </row>
        <row r="5478">
          <cell r="C5478">
            <v>0.99519999999999997</v>
          </cell>
          <cell r="AT5478">
            <v>2012</v>
          </cell>
          <cell r="AU5478">
            <v>12</v>
          </cell>
        </row>
        <row r="5479">
          <cell r="C5479">
            <v>0.99519999999999997</v>
          </cell>
          <cell r="AT5479">
            <v>2012</v>
          </cell>
          <cell r="AU5479">
            <v>12</v>
          </cell>
        </row>
        <row r="5480">
          <cell r="C5480">
            <v>0.99519999999999997</v>
          </cell>
          <cell r="AT5480">
            <v>2012</v>
          </cell>
          <cell r="AU5480">
            <v>12</v>
          </cell>
        </row>
        <row r="5481">
          <cell r="C5481">
            <v>0.99490000000000001</v>
          </cell>
          <cell r="AT5481">
            <v>2013</v>
          </cell>
          <cell r="AU5481">
            <v>1</v>
          </cell>
        </row>
        <row r="5482">
          <cell r="C5482">
            <v>0.99490000000000001</v>
          </cell>
          <cell r="AT5482">
            <v>2013</v>
          </cell>
          <cell r="AU5482">
            <v>1</v>
          </cell>
        </row>
        <row r="5483">
          <cell r="C5483">
            <v>0.9859</v>
          </cell>
          <cell r="AT5483">
            <v>2013</v>
          </cell>
          <cell r="AU5483">
            <v>1</v>
          </cell>
        </row>
        <row r="5484">
          <cell r="C5484">
            <v>0.98529999999999995</v>
          </cell>
          <cell r="AT5484">
            <v>2013</v>
          </cell>
          <cell r="AU5484">
            <v>1</v>
          </cell>
        </row>
        <row r="5485">
          <cell r="C5485">
            <v>0.98560000000000003</v>
          </cell>
          <cell r="AT5485">
            <v>2013</v>
          </cell>
          <cell r="AU5485">
            <v>1</v>
          </cell>
        </row>
        <row r="5486">
          <cell r="C5486">
            <v>0.98560000000000003</v>
          </cell>
          <cell r="AT5486">
            <v>2013</v>
          </cell>
          <cell r="AU5486">
            <v>1</v>
          </cell>
        </row>
        <row r="5487">
          <cell r="C5487">
            <v>0.98560000000000003</v>
          </cell>
          <cell r="AT5487">
            <v>2013</v>
          </cell>
          <cell r="AU5487">
            <v>1</v>
          </cell>
        </row>
        <row r="5488">
          <cell r="C5488">
            <v>0.98599999999999999</v>
          </cell>
          <cell r="AT5488">
            <v>2013</v>
          </cell>
          <cell r="AU5488">
            <v>1</v>
          </cell>
        </row>
        <row r="5489">
          <cell r="C5489">
            <v>0.98729999999999996</v>
          </cell>
          <cell r="AT5489">
            <v>2013</v>
          </cell>
          <cell r="AU5489">
            <v>1</v>
          </cell>
        </row>
        <row r="5490">
          <cell r="C5490">
            <v>0.98680000000000001</v>
          </cell>
          <cell r="AT5490">
            <v>2013</v>
          </cell>
          <cell r="AU5490">
            <v>1</v>
          </cell>
        </row>
        <row r="5491">
          <cell r="C5491">
            <v>0.98599999999999999</v>
          </cell>
          <cell r="AT5491">
            <v>2013</v>
          </cell>
          <cell r="AU5491">
            <v>1</v>
          </cell>
        </row>
        <row r="5492">
          <cell r="C5492">
            <v>0.98409999999999997</v>
          </cell>
          <cell r="AT5492">
            <v>2013</v>
          </cell>
          <cell r="AU5492">
            <v>1</v>
          </cell>
        </row>
        <row r="5493">
          <cell r="C5493">
            <v>0.98409999999999997</v>
          </cell>
          <cell r="AT5493">
            <v>2013</v>
          </cell>
          <cell r="AU5493">
            <v>1</v>
          </cell>
        </row>
        <row r="5494">
          <cell r="C5494">
            <v>0.98409999999999997</v>
          </cell>
          <cell r="AT5494">
            <v>2013</v>
          </cell>
          <cell r="AU5494">
            <v>1</v>
          </cell>
        </row>
        <row r="5495">
          <cell r="C5495">
            <v>0.98399999999999999</v>
          </cell>
          <cell r="AT5495">
            <v>2013</v>
          </cell>
          <cell r="AU5495">
            <v>1</v>
          </cell>
        </row>
        <row r="5496">
          <cell r="C5496">
            <v>0.9839</v>
          </cell>
          <cell r="AT5496">
            <v>2013</v>
          </cell>
          <cell r="AU5496">
            <v>1</v>
          </cell>
        </row>
        <row r="5497">
          <cell r="C5497">
            <v>0.98499999999999999</v>
          </cell>
          <cell r="AT5497">
            <v>2013</v>
          </cell>
          <cell r="AU5497">
            <v>1</v>
          </cell>
        </row>
        <row r="5498">
          <cell r="C5498">
            <v>0.98529999999999995</v>
          </cell>
          <cell r="AT5498">
            <v>2013</v>
          </cell>
          <cell r="AU5498">
            <v>1</v>
          </cell>
        </row>
        <row r="5499">
          <cell r="C5499">
            <v>0.99370000000000003</v>
          </cell>
          <cell r="AT5499">
            <v>2013</v>
          </cell>
          <cell r="AU5499">
            <v>1</v>
          </cell>
        </row>
        <row r="5500">
          <cell r="C5500">
            <v>0.99370000000000003</v>
          </cell>
          <cell r="AT5500">
            <v>2013</v>
          </cell>
          <cell r="AU5500">
            <v>1</v>
          </cell>
        </row>
        <row r="5501">
          <cell r="C5501">
            <v>0.99370000000000003</v>
          </cell>
          <cell r="AT5501">
            <v>2013</v>
          </cell>
          <cell r="AU5501">
            <v>1</v>
          </cell>
        </row>
        <row r="5502">
          <cell r="C5502">
            <v>0.99370000000000003</v>
          </cell>
          <cell r="AT5502">
            <v>2013</v>
          </cell>
          <cell r="AU5502">
            <v>1</v>
          </cell>
        </row>
        <row r="5503">
          <cell r="C5503">
            <v>0.99339999999999995</v>
          </cell>
          <cell r="AT5503">
            <v>2013</v>
          </cell>
          <cell r="AU5503">
            <v>1</v>
          </cell>
        </row>
        <row r="5504">
          <cell r="C5504">
            <v>0.99860000000000004</v>
          </cell>
          <cell r="AT5504">
            <v>2013</v>
          </cell>
          <cell r="AU5504">
            <v>1</v>
          </cell>
        </row>
        <row r="5505">
          <cell r="C5505">
            <v>1.0025999999999999</v>
          </cell>
          <cell r="AT5505">
            <v>2013</v>
          </cell>
          <cell r="AU5505">
            <v>1</v>
          </cell>
        </row>
        <row r="5506">
          <cell r="C5506">
            <v>1.0078</v>
          </cell>
          <cell r="AT5506">
            <v>2013</v>
          </cell>
          <cell r="AU5506">
            <v>1</v>
          </cell>
        </row>
        <row r="5507">
          <cell r="C5507">
            <v>1.0078</v>
          </cell>
          <cell r="AT5507">
            <v>2013</v>
          </cell>
          <cell r="AU5507">
            <v>1</v>
          </cell>
        </row>
        <row r="5508">
          <cell r="C5508">
            <v>1.0078</v>
          </cell>
          <cell r="AT5508">
            <v>2013</v>
          </cell>
          <cell r="AU5508">
            <v>1</v>
          </cell>
        </row>
        <row r="5509">
          <cell r="C5509">
            <v>1.0068999999999999</v>
          </cell>
          <cell r="AT5509">
            <v>2013</v>
          </cell>
          <cell r="AU5509">
            <v>1</v>
          </cell>
        </row>
        <row r="5510">
          <cell r="C5510">
            <v>1.0028999999999999</v>
          </cell>
          <cell r="AT5510">
            <v>2013</v>
          </cell>
          <cell r="AU5510">
            <v>1</v>
          </cell>
        </row>
        <row r="5511">
          <cell r="C5511">
            <v>1.0033000000000001</v>
          </cell>
          <cell r="AT5511">
            <v>2013</v>
          </cell>
          <cell r="AU5511">
            <v>1</v>
          </cell>
        </row>
        <row r="5512">
          <cell r="C5512">
            <v>0.99919999999999998</v>
          </cell>
          <cell r="AT5512">
            <v>2013</v>
          </cell>
          <cell r="AU5512">
            <v>2</v>
          </cell>
        </row>
        <row r="5513">
          <cell r="C5513">
            <v>0.99870000000000003</v>
          </cell>
          <cell r="AT5513">
            <v>2013</v>
          </cell>
          <cell r="AU5513">
            <v>2</v>
          </cell>
        </row>
        <row r="5514">
          <cell r="C5514">
            <v>0.99870000000000003</v>
          </cell>
          <cell r="AT5514">
            <v>2013</v>
          </cell>
          <cell r="AU5514">
            <v>2</v>
          </cell>
        </row>
        <row r="5515">
          <cell r="C5515">
            <v>0.99870000000000003</v>
          </cell>
          <cell r="AT5515">
            <v>2013</v>
          </cell>
          <cell r="AU5515">
            <v>2</v>
          </cell>
        </row>
        <row r="5516">
          <cell r="C5516">
            <v>0.99770000000000003</v>
          </cell>
          <cell r="AT5516">
            <v>2013</v>
          </cell>
          <cell r="AU5516">
            <v>2</v>
          </cell>
        </row>
        <row r="5517">
          <cell r="C5517">
            <v>0.99719999999999998</v>
          </cell>
          <cell r="AT5517">
            <v>2013</v>
          </cell>
          <cell r="AU5517">
            <v>2</v>
          </cell>
        </row>
        <row r="5518">
          <cell r="C5518">
            <v>0.996</v>
          </cell>
          <cell r="AT5518">
            <v>2013</v>
          </cell>
          <cell r="AU5518">
            <v>2</v>
          </cell>
        </row>
        <row r="5519">
          <cell r="C5519">
            <v>0.99929999999999997</v>
          </cell>
          <cell r="AT5519">
            <v>2013</v>
          </cell>
          <cell r="AU5519">
            <v>2</v>
          </cell>
        </row>
        <row r="5520">
          <cell r="C5520">
            <v>1.002</v>
          </cell>
          <cell r="AT5520">
            <v>2013</v>
          </cell>
          <cell r="AU5520">
            <v>2</v>
          </cell>
        </row>
        <row r="5521">
          <cell r="C5521">
            <v>1.002</v>
          </cell>
          <cell r="AT5521">
            <v>2013</v>
          </cell>
          <cell r="AU5521">
            <v>2</v>
          </cell>
        </row>
        <row r="5522">
          <cell r="C5522">
            <v>1.002</v>
          </cell>
          <cell r="AT5522">
            <v>2013</v>
          </cell>
          <cell r="AU5522">
            <v>2</v>
          </cell>
        </row>
        <row r="5523">
          <cell r="C5523">
            <v>1.0065</v>
          </cell>
          <cell r="AT5523">
            <v>2013</v>
          </cell>
          <cell r="AU5523">
            <v>2</v>
          </cell>
        </row>
        <row r="5524">
          <cell r="C5524">
            <v>1.0028999999999999</v>
          </cell>
          <cell r="AT5524">
            <v>2013</v>
          </cell>
          <cell r="AU5524">
            <v>2</v>
          </cell>
        </row>
        <row r="5525">
          <cell r="C5525">
            <v>1.002</v>
          </cell>
          <cell r="AT5525">
            <v>2013</v>
          </cell>
          <cell r="AU5525">
            <v>2</v>
          </cell>
        </row>
        <row r="5526">
          <cell r="C5526">
            <v>1.0007999999999999</v>
          </cell>
          <cell r="AT5526">
            <v>2013</v>
          </cell>
          <cell r="AU5526">
            <v>2</v>
          </cell>
        </row>
        <row r="5527">
          <cell r="C5527">
            <v>1.0069999999999999</v>
          </cell>
          <cell r="AT5527">
            <v>2013</v>
          </cell>
          <cell r="AU5527">
            <v>2</v>
          </cell>
        </row>
        <row r="5528">
          <cell r="C5528">
            <v>1.0069999999999999</v>
          </cell>
          <cell r="AT5528">
            <v>2013</v>
          </cell>
          <cell r="AU5528">
            <v>2</v>
          </cell>
        </row>
        <row r="5529">
          <cell r="C5529">
            <v>1.0069999999999999</v>
          </cell>
          <cell r="AT5529">
            <v>2013</v>
          </cell>
          <cell r="AU5529">
            <v>2</v>
          </cell>
        </row>
        <row r="5530">
          <cell r="C5530">
            <v>1.0069999999999999</v>
          </cell>
          <cell r="AT5530">
            <v>2013</v>
          </cell>
          <cell r="AU5530">
            <v>2</v>
          </cell>
        </row>
        <row r="5531">
          <cell r="C5531">
            <v>1.0118</v>
          </cell>
          <cell r="AT5531">
            <v>2013</v>
          </cell>
          <cell r="AU5531">
            <v>2</v>
          </cell>
        </row>
        <row r="5532">
          <cell r="C5532">
            <v>1.0163</v>
          </cell>
          <cell r="AT5532">
            <v>2013</v>
          </cell>
          <cell r="AU5532">
            <v>2</v>
          </cell>
        </row>
        <row r="5533">
          <cell r="C5533">
            <v>1.0185</v>
          </cell>
          <cell r="AT5533">
            <v>2013</v>
          </cell>
          <cell r="AU5533">
            <v>2</v>
          </cell>
        </row>
        <row r="5534">
          <cell r="C5534">
            <v>1.0224</v>
          </cell>
          <cell r="AT5534">
            <v>2013</v>
          </cell>
          <cell r="AU5534">
            <v>2</v>
          </cell>
        </row>
        <row r="5535">
          <cell r="C5535">
            <v>1.0224</v>
          </cell>
          <cell r="AT5535">
            <v>2013</v>
          </cell>
          <cell r="AU5535">
            <v>2</v>
          </cell>
        </row>
        <row r="5536">
          <cell r="C5536">
            <v>1.0224</v>
          </cell>
          <cell r="AT5536">
            <v>2013</v>
          </cell>
          <cell r="AU5536">
            <v>2</v>
          </cell>
        </row>
        <row r="5537">
          <cell r="C5537">
            <v>1.0265</v>
          </cell>
          <cell r="AT5537">
            <v>2013</v>
          </cell>
          <cell r="AU5537">
            <v>2</v>
          </cell>
        </row>
        <row r="5538">
          <cell r="C5538">
            <v>1.028</v>
          </cell>
          <cell r="AT5538">
            <v>2013</v>
          </cell>
          <cell r="AU5538">
            <v>2</v>
          </cell>
        </row>
        <row r="5539">
          <cell r="C5539">
            <v>1.0249999999999999</v>
          </cell>
          <cell r="AT5539">
            <v>2013</v>
          </cell>
          <cell r="AU5539">
            <v>2</v>
          </cell>
        </row>
        <row r="5540">
          <cell r="C5540">
            <v>1.0285</v>
          </cell>
          <cell r="AT5540">
            <v>2013</v>
          </cell>
          <cell r="AU5540">
            <v>3</v>
          </cell>
        </row>
        <row r="5541">
          <cell r="C5541">
            <v>1.0285</v>
          </cell>
          <cell r="AT5541">
            <v>2013</v>
          </cell>
          <cell r="AU5541">
            <v>3</v>
          </cell>
        </row>
        <row r="5542">
          <cell r="C5542">
            <v>1.0285</v>
          </cell>
          <cell r="AT5542">
            <v>2013</v>
          </cell>
          <cell r="AU5542">
            <v>3</v>
          </cell>
        </row>
        <row r="5543">
          <cell r="C5543">
            <v>1.0285</v>
          </cell>
          <cell r="AT5543">
            <v>2013</v>
          </cell>
          <cell r="AU5543">
            <v>3</v>
          </cell>
        </row>
        <row r="5544">
          <cell r="C5544">
            <v>1.0298</v>
          </cell>
          <cell r="AT5544">
            <v>2013</v>
          </cell>
          <cell r="AU5544">
            <v>3</v>
          </cell>
        </row>
        <row r="5545">
          <cell r="C5545">
            <v>1.0289999999999999</v>
          </cell>
          <cell r="AT5545">
            <v>2013</v>
          </cell>
          <cell r="AU5545">
            <v>3</v>
          </cell>
        </row>
        <row r="5546">
          <cell r="C5546">
            <v>1.0314000000000001</v>
          </cell>
          <cell r="AT5546">
            <v>2013</v>
          </cell>
          <cell r="AU5546">
            <v>3</v>
          </cell>
        </row>
        <row r="5547">
          <cell r="C5547">
            <v>1.0302</v>
          </cell>
          <cell r="AT5547">
            <v>2013</v>
          </cell>
          <cell r="AU5547">
            <v>3</v>
          </cell>
        </row>
        <row r="5548">
          <cell r="C5548">
            <v>1.0273000000000001</v>
          </cell>
          <cell r="AT5548">
            <v>2013</v>
          </cell>
          <cell r="AU5548">
            <v>3</v>
          </cell>
        </row>
        <row r="5549">
          <cell r="C5549">
            <v>1.0273000000000001</v>
          </cell>
          <cell r="AT5549">
            <v>2013</v>
          </cell>
          <cell r="AU5549">
            <v>3</v>
          </cell>
        </row>
        <row r="5550">
          <cell r="C5550">
            <v>1.0273000000000001</v>
          </cell>
          <cell r="AT5550">
            <v>2013</v>
          </cell>
          <cell r="AU5550">
            <v>3</v>
          </cell>
        </row>
        <row r="5551">
          <cell r="C5551">
            <v>1.0267999999999999</v>
          </cell>
          <cell r="AT5551">
            <v>2013</v>
          </cell>
          <cell r="AU5551">
            <v>3</v>
          </cell>
        </row>
        <row r="5552">
          <cell r="C5552">
            <v>1.0267999999999999</v>
          </cell>
          <cell r="AT5552">
            <v>2013</v>
          </cell>
          <cell r="AU5552">
            <v>3</v>
          </cell>
        </row>
        <row r="5553">
          <cell r="C5553">
            <v>1.0273000000000001</v>
          </cell>
          <cell r="AT5553">
            <v>2013</v>
          </cell>
          <cell r="AU5553">
            <v>3</v>
          </cell>
        </row>
        <row r="5554">
          <cell r="C5554">
            <v>1.0261</v>
          </cell>
          <cell r="AT5554">
            <v>2013</v>
          </cell>
          <cell r="AU5554">
            <v>3</v>
          </cell>
        </row>
        <row r="5555">
          <cell r="C5555">
            <v>1.0193000000000001</v>
          </cell>
          <cell r="AT5555">
            <v>2013</v>
          </cell>
          <cell r="AU5555">
            <v>3</v>
          </cell>
        </row>
        <row r="5556">
          <cell r="C5556">
            <v>1.0193000000000001</v>
          </cell>
          <cell r="AT5556">
            <v>2013</v>
          </cell>
          <cell r="AU5556">
            <v>3</v>
          </cell>
        </row>
        <row r="5557">
          <cell r="C5557">
            <v>1.0193000000000001</v>
          </cell>
          <cell r="AT5557">
            <v>2013</v>
          </cell>
          <cell r="AU5557">
            <v>3</v>
          </cell>
        </row>
        <row r="5558">
          <cell r="C5558">
            <v>1.0217000000000001</v>
          </cell>
          <cell r="AT5558">
            <v>2013</v>
          </cell>
          <cell r="AU5558">
            <v>3</v>
          </cell>
        </row>
        <row r="5559">
          <cell r="C5559">
            <v>1.0274000000000001</v>
          </cell>
          <cell r="AT5559">
            <v>2013</v>
          </cell>
          <cell r="AU5559">
            <v>3</v>
          </cell>
        </row>
        <row r="5560">
          <cell r="C5560">
            <v>1.0267999999999999</v>
          </cell>
          <cell r="AT5560">
            <v>2013</v>
          </cell>
          <cell r="AU5560">
            <v>3</v>
          </cell>
        </row>
        <row r="5561">
          <cell r="C5561">
            <v>1.0241</v>
          </cell>
          <cell r="AT5561">
            <v>2013</v>
          </cell>
          <cell r="AU5561">
            <v>3</v>
          </cell>
        </row>
        <row r="5562">
          <cell r="C5562">
            <v>1.0225</v>
          </cell>
          <cell r="AT5562">
            <v>2013</v>
          </cell>
          <cell r="AU5562">
            <v>3</v>
          </cell>
        </row>
        <row r="5563">
          <cell r="C5563">
            <v>1.0225</v>
          </cell>
          <cell r="AT5563">
            <v>2013</v>
          </cell>
          <cell r="AU5563">
            <v>3</v>
          </cell>
        </row>
        <row r="5564">
          <cell r="C5564">
            <v>1.0225</v>
          </cell>
          <cell r="AT5564">
            <v>2013</v>
          </cell>
          <cell r="AU5564">
            <v>3</v>
          </cell>
        </row>
        <row r="5565">
          <cell r="C5565">
            <v>1.0218</v>
          </cell>
          <cell r="AT5565">
            <v>2013</v>
          </cell>
          <cell r="AU5565">
            <v>3</v>
          </cell>
        </row>
        <row r="5566">
          <cell r="C5566">
            <v>1.0165999999999999</v>
          </cell>
          <cell r="AT5566">
            <v>2013</v>
          </cell>
          <cell r="AU5566">
            <v>3</v>
          </cell>
        </row>
        <row r="5567">
          <cell r="C5567">
            <v>1.0169999999999999</v>
          </cell>
          <cell r="AT5567">
            <v>2013</v>
          </cell>
          <cell r="AU5567">
            <v>3</v>
          </cell>
        </row>
        <row r="5568">
          <cell r="C5568">
            <v>1.0156000000000001</v>
          </cell>
          <cell r="AT5568">
            <v>2013</v>
          </cell>
          <cell r="AU5568">
            <v>3</v>
          </cell>
        </row>
        <row r="5569">
          <cell r="C5569">
            <v>1.0156000000000001</v>
          </cell>
          <cell r="AT5569">
            <v>2013</v>
          </cell>
          <cell r="AU5569">
            <v>3</v>
          </cell>
        </row>
        <row r="5570">
          <cell r="C5570">
            <v>1.0156000000000001</v>
          </cell>
          <cell r="AT5570">
            <v>2013</v>
          </cell>
          <cell r="AU5570">
            <v>3</v>
          </cell>
        </row>
        <row r="5571">
          <cell r="C5571">
            <v>1.0156000000000001</v>
          </cell>
          <cell r="AT5571">
            <v>2013</v>
          </cell>
          <cell r="AU5571">
            <v>4</v>
          </cell>
        </row>
        <row r="5572">
          <cell r="C5572">
            <v>1.0166999999999999</v>
          </cell>
          <cell r="AT5572">
            <v>2013</v>
          </cell>
          <cell r="AU5572">
            <v>4</v>
          </cell>
        </row>
        <row r="5573">
          <cell r="C5573">
            <v>1.0147999999999999</v>
          </cell>
          <cell r="AT5573">
            <v>2013</v>
          </cell>
          <cell r="AU5573">
            <v>4</v>
          </cell>
        </row>
        <row r="5574">
          <cell r="C5574">
            <v>1.0134000000000001</v>
          </cell>
          <cell r="AT5574">
            <v>2013</v>
          </cell>
          <cell r="AU5574">
            <v>4</v>
          </cell>
        </row>
        <row r="5575">
          <cell r="C5575">
            <v>1.0139</v>
          </cell>
          <cell r="AT5575">
            <v>2013</v>
          </cell>
          <cell r="AU5575">
            <v>4</v>
          </cell>
        </row>
        <row r="5576">
          <cell r="C5576">
            <v>1.0190999999999999</v>
          </cell>
          <cell r="AT5576">
            <v>2013</v>
          </cell>
          <cell r="AU5576">
            <v>4</v>
          </cell>
        </row>
        <row r="5577">
          <cell r="C5577">
            <v>1.0190999999999999</v>
          </cell>
          <cell r="AT5577">
            <v>2013</v>
          </cell>
          <cell r="AU5577">
            <v>4</v>
          </cell>
        </row>
        <row r="5578">
          <cell r="C5578">
            <v>1.0190999999999999</v>
          </cell>
          <cell r="AT5578">
            <v>2013</v>
          </cell>
          <cell r="AU5578">
            <v>4</v>
          </cell>
        </row>
        <row r="5579">
          <cell r="C5579">
            <v>1.0198</v>
          </cell>
          <cell r="AT5579">
            <v>2013</v>
          </cell>
          <cell r="AU5579">
            <v>4</v>
          </cell>
        </row>
        <row r="5580">
          <cell r="C5580">
            <v>1.0162</v>
          </cell>
          <cell r="AT5580">
            <v>2013</v>
          </cell>
          <cell r="AU5580">
            <v>4</v>
          </cell>
        </row>
        <row r="5581">
          <cell r="C5581">
            <v>1.0149999999999999</v>
          </cell>
          <cell r="AT5581">
            <v>2013</v>
          </cell>
          <cell r="AU5581">
            <v>4</v>
          </cell>
        </row>
        <row r="5582">
          <cell r="C5582">
            <v>1.0106999999999999</v>
          </cell>
          <cell r="AT5582">
            <v>2013</v>
          </cell>
          <cell r="AU5582">
            <v>4</v>
          </cell>
        </row>
        <row r="5583">
          <cell r="C5583">
            <v>1.0134000000000001</v>
          </cell>
          <cell r="AT5583">
            <v>2013</v>
          </cell>
          <cell r="AU5583">
            <v>4</v>
          </cell>
        </row>
        <row r="5584">
          <cell r="C5584">
            <v>1.0134000000000001</v>
          </cell>
          <cell r="AT5584">
            <v>2013</v>
          </cell>
          <cell r="AU5584">
            <v>4</v>
          </cell>
        </row>
        <row r="5585">
          <cell r="C5585">
            <v>1.0134000000000001</v>
          </cell>
          <cell r="AT5585">
            <v>2013</v>
          </cell>
          <cell r="AU5585">
            <v>4</v>
          </cell>
        </row>
        <row r="5586">
          <cell r="C5586">
            <v>1.0206</v>
          </cell>
          <cell r="AT5586">
            <v>2013</v>
          </cell>
          <cell r="AU5586">
            <v>4</v>
          </cell>
        </row>
        <row r="5587">
          <cell r="C5587">
            <v>1.0229999999999999</v>
          </cell>
          <cell r="AT5587">
            <v>2013</v>
          </cell>
          <cell r="AU5587">
            <v>4</v>
          </cell>
        </row>
        <row r="5588">
          <cell r="C5588">
            <v>1.0262</v>
          </cell>
          <cell r="AT5588">
            <v>2013</v>
          </cell>
          <cell r="AU5588">
            <v>4</v>
          </cell>
        </row>
        <row r="5589">
          <cell r="C5589">
            <v>1.0255000000000001</v>
          </cell>
          <cell r="AT5589">
            <v>2013</v>
          </cell>
          <cell r="AU5589">
            <v>4</v>
          </cell>
        </row>
        <row r="5590">
          <cell r="C5590">
            <v>1.0264</v>
          </cell>
          <cell r="AT5590">
            <v>2013</v>
          </cell>
          <cell r="AU5590">
            <v>4</v>
          </cell>
        </row>
        <row r="5591">
          <cell r="C5591">
            <v>1.0264</v>
          </cell>
          <cell r="AT5591">
            <v>2013</v>
          </cell>
          <cell r="AU5591">
            <v>4</v>
          </cell>
        </row>
        <row r="5592">
          <cell r="C5592">
            <v>1.0264</v>
          </cell>
          <cell r="AT5592">
            <v>2013</v>
          </cell>
          <cell r="AU5592">
            <v>4</v>
          </cell>
        </row>
        <row r="5593">
          <cell r="C5593">
            <v>1.0263</v>
          </cell>
          <cell r="AT5593">
            <v>2013</v>
          </cell>
          <cell r="AU5593">
            <v>4</v>
          </cell>
        </row>
        <row r="5594">
          <cell r="C5594">
            <v>1.0259</v>
          </cell>
          <cell r="AT5594">
            <v>2013</v>
          </cell>
          <cell r="AU5594">
            <v>4</v>
          </cell>
        </row>
        <row r="5595">
          <cell r="C5595">
            <v>1.0269999999999999</v>
          </cell>
          <cell r="AT5595">
            <v>2013</v>
          </cell>
          <cell r="AU5595">
            <v>4</v>
          </cell>
        </row>
        <row r="5596">
          <cell r="C5596">
            <v>1.0194000000000001</v>
          </cell>
          <cell r="AT5596">
            <v>2013</v>
          </cell>
          <cell r="AU5596">
            <v>4</v>
          </cell>
        </row>
        <row r="5597">
          <cell r="C5597">
            <v>1.0169999999999999</v>
          </cell>
          <cell r="AT5597">
            <v>2013</v>
          </cell>
          <cell r="AU5597">
            <v>4</v>
          </cell>
        </row>
        <row r="5598">
          <cell r="C5598">
            <v>1.0169999999999999</v>
          </cell>
          <cell r="AT5598">
            <v>2013</v>
          </cell>
          <cell r="AU5598">
            <v>4</v>
          </cell>
        </row>
        <row r="5599">
          <cell r="C5599">
            <v>1.0169999999999999</v>
          </cell>
          <cell r="AT5599">
            <v>2013</v>
          </cell>
          <cell r="AU5599">
            <v>4</v>
          </cell>
        </row>
        <row r="5600">
          <cell r="C5600">
            <v>1.0138</v>
          </cell>
          <cell r="AT5600">
            <v>2013</v>
          </cell>
          <cell r="AU5600">
            <v>4</v>
          </cell>
        </row>
        <row r="5601">
          <cell r="C5601">
            <v>1.0072000000000001</v>
          </cell>
          <cell r="AT5601">
            <v>2013</v>
          </cell>
          <cell r="AU5601">
            <v>5</v>
          </cell>
        </row>
        <row r="5602">
          <cell r="C5602">
            <v>1.0084</v>
          </cell>
          <cell r="AT5602">
            <v>2013</v>
          </cell>
          <cell r="AU5602">
            <v>5</v>
          </cell>
        </row>
        <row r="5603">
          <cell r="C5603">
            <v>1.0083</v>
          </cell>
          <cell r="AT5603">
            <v>2013</v>
          </cell>
          <cell r="AU5603">
            <v>5</v>
          </cell>
        </row>
        <row r="5604">
          <cell r="C5604">
            <v>1.0079</v>
          </cell>
          <cell r="AT5604">
            <v>2013</v>
          </cell>
          <cell r="AU5604">
            <v>5</v>
          </cell>
        </row>
        <row r="5605">
          <cell r="C5605">
            <v>1.0079</v>
          </cell>
          <cell r="AT5605">
            <v>2013</v>
          </cell>
          <cell r="AU5605">
            <v>5</v>
          </cell>
        </row>
        <row r="5606">
          <cell r="C5606">
            <v>1.0079</v>
          </cell>
          <cell r="AT5606">
            <v>2013</v>
          </cell>
          <cell r="AU5606">
            <v>5</v>
          </cell>
        </row>
        <row r="5607">
          <cell r="C5607">
            <v>1.0075000000000001</v>
          </cell>
          <cell r="AT5607">
            <v>2013</v>
          </cell>
          <cell r="AU5607">
            <v>5</v>
          </cell>
        </row>
        <row r="5608">
          <cell r="C5608">
            <v>1.0052000000000001</v>
          </cell>
          <cell r="AT5608">
            <v>2013</v>
          </cell>
          <cell r="AU5608">
            <v>5</v>
          </cell>
        </row>
        <row r="5609">
          <cell r="C5609">
            <v>1.0023</v>
          </cell>
          <cell r="AT5609">
            <v>2013</v>
          </cell>
          <cell r="AU5609">
            <v>5</v>
          </cell>
        </row>
        <row r="5610">
          <cell r="C5610">
            <v>1.0026999999999999</v>
          </cell>
          <cell r="AT5610">
            <v>2013</v>
          </cell>
          <cell r="AU5610">
            <v>5</v>
          </cell>
        </row>
        <row r="5611">
          <cell r="C5611">
            <v>1.0124</v>
          </cell>
          <cell r="AT5611">
            <v>2013</v>
          </cell>
          <cell r="AU5611">
            <v>5</v>
          </cell>
        </row>
        <row r="5612">
          <cell r="C5612">
            <v>1.0124</v>
          </cell>
          <cell r="AT5612">
            <v>2013</v>
          </cell>
          <cell r="AU5612">
            <v>5</v>
          </cell>
        </row>
        <row r="5613">
          <cell r="C5613">
            <v>1.0124</v>
          </cell>
          <cell r="AT5613">
            <v>2013</v>
          </cell>
          <cell r="AU5613">
            <v>5</v>
          </cell>
        </row>
        <row r="5614">
          <cell r="C5614">
            <v>1.0107999999999999</v>
          </cell>
          <cell r="AT5614">
            <v>2013</v>
          </cell>
          <cell r="AU5614">
            <v>5</v>
          </cell>
        </row>
        <row r="5615">
          <cell r="C5615">
            <v>1.0147999999999999</v>
          </cell>
          <cell r="AT5615">
            <v>2013</v>
          </cell>
          <cell r="AU5615">
            <v>5</v>
          </cell>
        </row>
        <row r="5616">
          <cell r="C5616">
            <v>1.0173000000000001</v>
          </cell>
          <cell r="AT5616">
            <v>2013</v>
          </cell>
          <cell r="AU5616">
            <v>5</v>
          </cell>
        </row>
        <row r="5617">
          <cell r="C5617">
            <v>1.0163</v>
          </cell>
          <cell r="AT5617">
            <v>2013</v>
          </cell>
          <cell r="AU5617">
            <v>5</v>
          </cell>
        </row>
        <row r="5618">
          <cell r="C5618">
            <v>1.0268999999999999</v>
          </cell>
          <cell r="AT5618">
            <v>2013</v>
          </cell>
          <cell r="AU5618">
            <v>5</v>
          </cell>
        </row>
        <row r="5619">
          <cell r="C5619">
            <v>1.0268999999999999</v>
          </cell>
          <cell r="AT5619">
            <v>2013</v>
          </cell>
          <cell r="AU5619">
            <v>5</v>
          </cell>
        </row>
        <row r="5620">
          <cell r="C5620">
            <v>1.0268999999999999</v>
          </cell>
          <cell r="AT5620">
            <v>2013</v>
          </cell>
          <cell r="AU5620">
            <v>5</v>
          </cell>
        </row>
        <row r="5621">
          <cell r="C5621">
            <v>1.0268999999999999</v>
          </cell>
          <cell r="AT5621">
            <v>2013</v>
          </cell>
          <cell r="AU5621">
            <v>5</v>
          </cell>
        </row>
        <row r="5622">
          <cell r="C5622">
            <v>1.0277000000000001</v>
          </cell>
          <cell r="AT5622">
            <v>2013</v>
          </cell>
          <cell r="AU5622">
            <v>5</v>
          </cell>
        </row>
        <row r="5623">
          <cell r="C5623">
            <v>1.0333000000000001</v>
          </cell>
          <cell r="AT5623">
            <v>2013</v>
          </cell>
          <cell r="AU5623">
            <v>5</v>
          </cell>
        </row>
        <row r="5624">
          <cell r="C5624">
            <v>1.0309999999999999</v>
          </cell>
          <cell r="AT5624">
            <v>2013</v>
          </cell>
          <cell r="AU5624">
            <v>5</v>
          </cell>
        </row>
        <row r="5625">
          <cell r="C5625">
            <v>1.0323</v>
          </cell>
          <cell r="AT5625">
            <v>2013</v>
          </cell>
          <cell r="AU5625">
            <v>5</v>
          </cell>
        </row>
        <row r="5626">
          <cell r="C5626">
            <v>1.0323</v>
          </cell>
          <cell r="AT5626">
            <v>2013</v>
          </cell>
          <cell r="AU5626">
            <v>5</v>
          </cell>
        </row>
        <row r="5627">
          <cell r="C5627">
            <v>1.0323</v>
          </cell>
          <cell r="AT5627">
            <v>2013</v>
          </cell>
          <cell r="AU5627">
            <v>5</v>
          </cell>
        </row>
        <row r="5628">
          <cell r="C5628">
            <v>1.0323</v>
          </cell>
          <cell r="AT5628">
            <v>2013</v>
          </cell>
          <cell r="AU5628">
            <v>5</v>
          </cell>
        </row>
        <row r="5629">
          <cell r="C5629">
            <v>1.0370999999999999</v>
          </cell>
          <cell r="AT5629">
            <v>2013</v>
          </cell>
          <cell r="AU5629">
            <v>5</v>
          </cell>
        </row>
        <row r="5630">
          <cell r="C5630">
            <v>1.0369999999999999</v>
          </cell>
          <cell r="AT5630">
            <v>2013</v>
          </cell>
          <cell r="AU5630">
            <v>5</v>
          </cell>
        </row>
        <row r="5631">
          <cell r="C5631">
            <v>1.0308999999999999</v>
          </cell>
          <cell r="AT5631">
            <v>2013</v>
          </cell>
          <cell r="AU5631">
            <v>5</v>
          </cell>
        </row>
        <row r="5632">
          <cell r="C5632">
            <v>1.0339</v>
          </cell>
          <cell r="AT5632">
            <v>2013</v>
          </cell>
          <cell r="AU5632">
            <v>6</v>
          </cell>
        </row>
        <row r="5633">
          <cell r="C5633">
            <v>1.0339</v>
          </cell>
          <cell r="AT5633">
            <v>2013</v>
          </cell>
          <cell r="AU5633">
            <v>6</v>
          </cell>
        </row>
        <row r="5634">
          <cell r="C5634">
            <v>1.0339</v>
          </cell>
          <cell r="AT5634">
            <v>2013</v>
          </cell>
          <cell r="AU5634">
            <v>6</v>
          </cell>
        </row>
        <row r="5635">
          <cell r="C5635">
            <v>1.0290999999999999</v>
          </cell>
          <cell r="AT5635">
            <v>2013</v>
          </cell>
          <cell r="AU5635">
            <v>6</v>
          </cell>
        </row>
        <row r="5636">
          <cell r="C5636">
            <v>1.0347999999999999</v>
          </cell>
          <cell r="AT5636">
            <v>2013</v>
          </cell>
          <cell r="AU5636">
            <v>6</v>
          </cell>
        </row>
        <row r="5637">
          <cell r="C5637">
            <v>1.0345</v>
          </cell>
          <cell r="AT5637">
            <v>2013</v>
          </cell>
          <cell r="AU5637">
            <v>6</v>
          </cell>
        </row>
        <row r="5638">
          <cell r="C5638">
            <v>1.0238</v>
          </cell>
          <cell r="AT5638">
            <v>2013</v>
          </cell>
          <cell r="AU5638">
            <v>6</v>
          </cell>
        </row>
        <row r="5639">
          <cell r="C5639">
            <v>1.0209999999999999</v>
          </cell>
          <cell r="AT5639">
            <v>2013</v>
          </cell>
          <cell r="AU5639">
            <v>6</v>
          </cell>
        </row>
        <row r="5640">
          <cell r="C5640">
            <v>1.0209999999999999</v>
          </cell>
          <cell r="AT5640">
            <v>2013</v>
          </cell>
          <cell r="AU5640">
            <v>6</v>
          </cell>
        </row>
        <row r="5641">
          <cell r="C5641">
            <v>1.0209999999999999</v>
          </cell>
          <cell r="AT5641">
            <v>2013</v>
          </cell>
          <cell r="AU5641">
            <v>6</v>
          </cell>
        </row>
        <row r="5642">
          <cell r="C5642">
            <v>1.0186999999999999</v>
          </cell>
          <cell r="AT5642">
            <v>2013</v>
          </cell>
          <cell r="AU5642">
            <v>6</v>
          </cell>
        </row>
        <row r="5643">
          <cell r="C5643">
            <v>1.0189999999999999</v>
          </cell>
          <cell r="AT5643">
            <v>2013</v>
          </cell>
          <cell r="AU5643">
            <v>6</v>
          </cell>
        </row>
        <row r="5644">
          <cell r="C5644">
            <v>1.0202</v>
          </cell>
          <cell r="AT5644">
            <v>2013</v>
          </cell>
          <cell r="AU5644">
            <v>6</v>
          </cell>
        </row>
        <row r="5645">
          <cell r="C5645">
            <v>1.0169999999999999</v>
          </cell>
          <cell r="AT5645">
            <v>2013</v>
          </cell>
          <cell r="AU5645">
            <v>6</v>
          </cell>
        </row>
        <row r="5646">
          <cell r="C5646">
            <v>1.0177</v>
          </cell>
          <cell r="AT5646">
            <v>2013</v>
          </cell>
          <cell r="AU5646">
            <v>6</v>
          </cell>
        </row>
        <row r="5647">
          <cell r="C5647">
            <v>1.0177</v>
          </cell>
          <cell r="AT5647">
            <v>2013</v>
          </cell>
          <cell r="AU5647">
            <v>6</v>
          </cell>
        </row>
        <row r="5648">
          <cell r="C5648">
            <v>1.0177</v>
          </cell>
          <cell r="AT5648">
            <v>2013</v>
          </cell>
          <cell r="AU5648">
            <v>6</v>
          </cell>
        </row>
        <row r="5649">
          <cell r="C5649">
            <v>1.0176000000000001</v>
          </cell>
          <cell r="AT5649">
            <v>2013</v>
          </cell>
          <cell r="AU5649">
            <v>6</v>
          </cell>
        </row>
        <row r="5650">
          <cell r="C5650">
            <v>1.0208999999999999</v>
          </cell>
          <cell r="AT5650">
            <v>2013</v>
          </cell>
          <cell r="AU5650">
            <v>6</v>
          </cell>
        </row>
        <row r="5651">
          <cell r="C5651">
            <v>1.0186999999999999</v>
          </cell>
          <cell r="AT5651">
            <v>2013</v>
          </cell>
          <cell r="AU5651">
            <v>6</v>
          </cell>
        </row>
        <row r="5652">
          <cell r="C5652">
            <v>1.0387</v>
          </cell>
          <cell r="AT5652">
            <v>2013</v>
          </cell>
          <cell r="AU5652">
            <v>6</v>
          </cell>
        </row>
        <row r="5653">
          <cell r="C5653">
            <v>1.0469999999999999</v>
          </cell>
          <cell r="AT5653">
            <v>2013</v>
          </cell>
          <cell r="AU5653">
            <v>6</v>
          </cell>
        </row>
        <row r="5654">
          <cell r="C5654">
            <v>1.0469999999999999</v>
          </cell>
          <cell r="AT5654">
            <v>2013</v>
          </cell>
          <cell r="AU5654">
            <v>6</v>
          </cell>
        </row>
        <row r="5655">
          <cell r="C5655">
            <v>1.0469999999999999</v>
          </cell>
          <cell r="AT5655">
            <v>2013</v>
          </cell>
          <cell r="AU5655">
            <v>6</v>
          </cell>
        </row>
        <row r="5656">
          <cell r="C5656">
            <v>1.0531999999999999</v>
          </cell>
          <cell r="AT5656">
            <v>2013</v>
          </cell>
          <cell r="AU5656">
            <v>6</v>
          </cell>
        </row>
        <row r="5657">
          <cell r="C5657">
            <v>1.0512999999999999</v>
          </cell>
          <cell r="AT5657">
            <v>2013</v>
          </cell>
          <cell r="AU5657">
            <v>6</v>
          </cell>
        </row>
        <row r="5658">
          <cell r="C5658">
            <v>1.0468999999999999</v>
          </cell>
          <cell r="AT5658">
            <v>2013</v>
          </cell>
          <cell r="AU5658">
            <v>6</v>
          </cell>
        </row>
        <row r="5659">
          <cell r="C5659">
            <v>1.048</v>
          </cell>
          <cell r="AT5659">
            <v>2013</v>
          </cell>
          <cell r="AU5659">
            <v>6</v>
          </cell>
        </row>
        <row r="5660">
          <cell r="C5660">
            <v>1.0511999999999999</v>
          </cell>
          <cell r="AT5660">
            <v>2013</v>
          </cell>
          <cell r="AU5660">
            <v>6</v>
          </cell>
        </row>
        <row r="5661">
          <cell r="C5661">
            <v>1.0511999999999999</v>
          </cell>
          <cell r="AT5661">
            <v>2013</v>
          </cell>
          <cell r="AU5661">
            <v>6</v>
          </cell>
        </row>
        <row r="5662">
          <cell r="C5662">
            <v>1.0511999999999999</v>
          </cell>
          <cell r="AT5662">
            <v>2013</v>
          </cell>
          <cell r="AU5662">
            <v>7</v>
          </cell>
        </row>
        <row r="5663">
          <cell r="C5663">
            <v>1.0511999999999999</v>
          </cell>
          <cell r="AT5663">
            <v>2013</v>
          </cell>
          <cell r="AU5663">
            <v>7</v>
          </cell>
        </row>
        <row r="5664">
          <cell r="C5664">
            <v>1.0529999999999999</v>
          </cell>
          <cell r="AT5664">
            <v>2013</v>
          </cell>
          <cell r="AU5664">
            <v>7</v>
          </cell>
        </row>
        <row r="5665">
          <cell r="C5665">
            <v>1.0523</v>
          </cell>
          <cell r="AT5665">
            <v>2013</v>
          </cell>
          <cell r="AU5665">
            <v>7</v>
          </cell>
        </row>
        <row r="5666">
          <cell r="C5666">
            <v>1.0568</v>
          </cell>
          <cell r="AT5666">
            <v>2013</v>
          </cell>
          <cell r="AU5666">
            <v>7</v>
          </cell>
        </row>
        <row r="5667">
          <cell r="C5667">
            <v>1.0568</v>
          </cell>
          <cell r="AT5667">
            <v>2013</v>
          </cell>
          <cell r="AU5667">
            <v>7</v>
          </cell>
        </row>
        <row r="5668">
          <cell r="C5668">
            <v>1.0568</v>
          </cell>
          <cell r="AT5668">
            <v>2013</v>
          </cell>
          <cell r="AU5668">
            <v>7</v>
          </cell>
        </row>
        <row r="5669">
          <cell r="C5669">
            <v>1.0568</v>
          </cell>
          <cell r="AT5669">
            <v>2013</v>
          </cell>
          <cell r="AU5669">
            <v>7</v>
          </cell>
        </row>
        <row r="5670">
          <cell r="C5670">
            <v>1.0576000000000001</v>
          </cell>
          <cell r="AT5670">
            <v>2013</v>
          </cell>
          <cell r="AU5670">
            <v>7</v>
          </cell>
        </row>
        <row r="5671">
          <cell r="C5671">
            <v>1.0529999999999999</v>
          </cell>
          <cell r="AT5671">
            <v>2013</v>
          </cell>
          <cell r="AU5671">
            <v>7</v>
          </cell>
        </row>
        <row r="5672">
          <cell r="C5672">
            <v>1.0510999999999999</v>
          </cell>
          <cell r="AT5672">
            <v>2013</v>
          </cell>
          <cell r="AU5672">
            <v>7</v>
          </cell>
        </row>
        <row r="5673">
          <cell r="C5673">
            <v>1.0388999999999999</v>
          </cell>
          <cell r="AT5673">
            <v>2013</v>
          </cell>
          <cell r="AU5673">
            <v>7</v>
          </cell>
        </row>
        <row r="5674">
          <cell r="C5674">
            <v>1.0391999999999999</v>
          </cell>
          <cell r="AT5674">
            <v>2013</v>
          </cell>
          <cell r="AU5674">
            <v>7</v>
          </cell>
        </row>
        <row r="5675">
          <cell r="C5675">
            <v>1.0391999999999999</v>
          </cell>
          <cell r="AT5675">
            <v>2013</v>
          </cell>
          <cell r="AU5675">
            <v>7</v>
          </cell>
        </row>
        <row r="5676">
          <cell r="C5676">
            <v>1.0391999999999999</v>
          </cell>
          <cell r="AT5676">
            <v>2013</v>
          </cell>
          <cell r="AU5676">
            <v>7</v>
          </cell>
        </row>
        <row r="5677">
          <cell r="C5677">
            <v>1.0412999999999999</v>
          </cell>
          <cell r="AT5677">
            <v>2013</v>
          </cell>
          <cell r="AU5677">
            <v>7</v>
          </cell>
        </row>
        <row r="5678">
          <cell r="C5678">
            <v>1.0387999999999999</v>
          </cell>
          <cell r="AT5678">
            <v>2013</v>
          </cell>
          <cell r="AU5678">
            <v>7</v>
          </cell>
        </row>
        <row r="5679">
          <cell r="C5679">
            <v>1.0425</v>
          </cell>
          <cell r="AT5679">
            <v>2013</v>
          </cell>
          <cell r="AU5679">
            <v>7</v>
          </cell>
        </row>
        <row r="5680">
          <cell r="C5680">
            <v>1.0396000000000001</v>
          </cell>
          <cell r="AT5680">
            <v>2013</v>
          </cell>
          <cell r="AU5680">
            <v>7</v>
          </cell>
        </row>
        <row r="5681">
          <cell r="C5681">
            <v>1.0363</v>
          </cell>
          <cell r="AT5681">
            <v>2013</v>
          </cell>
          <cell r="AU5681">
            <v>7</v>
          </cell>
        </row>
        <row r="5682">
          <cell r="C5682">
            <v>1.0363</v>
          </cell>
          <cell r="AT5682">
            <v>2013</v>
          </cell>
          <cell r="AU5682">
            <v>7</v>
          </cell>
        </row>
        <row r="5683">
          <cell r="C5683">
            <v>1.0363</v>
          </cell>
          <cell r="AT5683">
            <v>2013</v>
          </cell>
          <cell r="AU5683">
            <v>7</v>
          </cell>
        </row>
        <row r="5684">
          <cell r="C5684">
            <v>1.0337000000000001</v>
          </cell>
          <cell r="AT5684">
            <v>2013</v>
          </cell>
          <cell r="AU5684">
            <v>7</v>
          </cell>
        </row>
        <row r="5685">
          <cell r="C5685">
            <v>1.0304</v>
          </cell>
          <cell r="AT5685">
            <v>2013</v>
          </cell>
          <cell r="AU5685">
            <v>7</v>
          </cell>
        </row>
        <row r="5686">
          <cell r="C5686">
            <v>1.0298</v>
          </cell>
          <cell r="AT5686">
            <v>2013</v>
          </cell>
          <cell r="AU5686">
            <v>7</v>
          </cell>
        </row>
        <row r="5687">
          <cell r="C5687">
            <v>1.0298</v>
          </cell>
          <cell r="AT5687">
            <v>2013</v>
          </cell>
          <cell r="AU5687">
            <v>7</v>
          </cell>
        </row>
        <row r="5688">
          <cell r="C5688">
            <v>1.0290999999999999</v>
          </cell>
          <cell r="AT5688">
            <v>2013</v>
          </cell>
          <cell r="AU5688">
            <v>7</v>
          </cell>
        </row>
        <row r="5689">
          <cell r="C5689">
            <v>1.0290999999999999</v>
          </cell>
          <cell r="AT5689">
            <v>2013</v>
          </cell>
          <cell r="AU5689">
            <v>7</v>
          </cell>
        </row>
        <row r="5690">
          <cell r="C5690">
            <v>1.0290999999999999</v>
          </cell>
          <cell r="AT5690">
            <v>2013</v>
          </cell>
          <cell r="AU5690">
            <v>7</v>
          </cell>
        </row>
        <row r="5691">
          <cell r="C5691">
            <v>1.0261</v>
          </cell>
          <cell r="AT5691">
            <v>2013</v>
          </cell>
          <cell r="AU5691">
            <v>7</v>
          </cell>
        </row>
        <row r="5692">
          <cell r="C5692">
            <v>1.0293000000000001</v>
          </cell>
          <cell r="AT5692">
            <v>2013</v>
          </cell>
          <cell r="AU5692">
            <v>7</v>
          </cell>
        </row>
        <row r="5693">
          <cell r="C5693">
            <v>1.0286999999999999</v>
          </cell>
          <cell r="AT5693">
            <v>2013</v>
          </cell>
          <cell r="AU5693">
            <v>8</v>
          </cell>
        </row>
        <row r="5694">
          <cell r="C5694">
            <v>1.0338000000000001</v>
          </cell>
          <cell r="AT5694">
            <v>2013</v>
          </cell>
          <cell r="AU5694">
            <v>8</v>
          </cell>
        </row>
        <row r="5695">
          <cell r="C5695">
            <v>1.0338000000000001</v>
          </cell>
          <cell r="AT5695">
            <v>2013</v>
          </cell>
          <cell r="AU5695">
            <v>8</v>
          </cell>
        </row>
        <row r="5696">
          <cell r="C5696">
            <v>1.0338000000000001</v>
          </cell>
          <cell r="AT5696">
            <v>2013</v>
          </cell>
          <cell r="AU5696">
            <v>8</v>
          </cell>
        </row>
        <row r="5697">
          <cell r="C5697">
            <v>1.0338000000000001</v>
          </cell>
          <cell r="AT5697">
            <v>2013</v>
          </cell>
          <cell r="AU5697">
            <v>8</v>
          </cell>
        </row>
        <row r="5698">
          <cell r="C5698">
            <v>1.0382</v>
          </cell>
          <cell r="AT5698">
            <v>2013</v>
          </cell>
          <cell r="AU5698">
            <v>8</v>
          </cell>
        </row>
        <row r="5699">
          <cell r="C5699">
            <v>1.0379</v>
          </cell>
          <cell r="AT5699">
            <v>2013</v>
          </cell>
          <cell r="AU5699">
            <v>8</v>
          </cell>
        </row>
        <row r="5700">
          <cell r="C5700">
            <v>1.0416000000000001</v>
          </cell>
          <cell r="AT5700">
            <v>2013</v>
          </cell>
          <cell r="AU5700">
            <v>8</v>
          </cell>
        </row>
        <row r="5701">
          <cell r="C5701">
            <v>1.0347999999999999</v>
          </cell>
          <cell r="AT5701">
            <v>2013</v>
          </cell>
          <cell r="AU5701">
            <v>8</v>
          </cell>
        </row>
        <row r="5702">
          <cell r="C5702">
            <v>1.0303</v>
          </cell>
          <cell r="AT5702">
            <v>2013</v>
          </cell>
          <cell r="AU5702">
            <v>8</v>
          </cell>
        </row>
        <row r="5703">
          <cell r="C5703">
            <v>1.0303</v>
          </cell>
          <cell r="AT5703">
            <v>2013</v>
          </cell>
          <cell r="AU5703">
            <v>8</v>
          </cell>
        </row>
        <row r="5704">
          <cell r="C5704">
            <v>1.0303</v>
          </cell>
          <cell r="AT5704">
            <v>2013</v>
          </cell>
          <cell r="AU5704">
            <v>8</v>
          </cell>
        </row>
        <row r="5705">
          <cell r="C5705">
            <v>1.0297000000000001</v>
          </cell>
          <cell r="AT5705">
            <v>2013</v>
          </cell>
          <cell r="AU5705">
            <v>8</v>
          </cell>
        </row>
        <row r="5706">
          <cell r="C5706">
            <v>1.0345</v>
          </cell>
          <cell r="AT5706">
            <v>2013</v>
          </cell>
          <cell r="AU5706">
            <v>8</v>
          </cell>
        </row>
        <row r="5707">
          <cell r="C5707">
            <v>1.0322</v>
          </cell>
          <cell r="AT5707">
            <v>2013</v>
          </cell>
          <cell r="AU5707">
            <v>8</v>
          </cell>
        </row>
        <row r="5708">
          <cell r="C5708">
            <v>1.034</v>
          </cell>
          <cell r="AT5708">
            <v>2013</v>
          </cell>
          <cell r="AU5708">
            <v>8</v>
          </cell>
        </row>
        <row r="5709">
          <cell r="C5709">
            <v>1.0345</v>
          </cell>
          <cell r="AT5709">
            <v>2013</v>
          </cell>
          <cell r="AU5709">
            <v>8</v>
          </cell>
        </row>
        <row r="5710">
          <cell r="C5710">
            <v>1.0345</v>
          </cell>
          <cell r="AT5710">
            <v>2013</v>
          </cell>
          <cell r="AU5710">
            <v>8</v>
          </cell>
        </row>
        <row r="5711">
          <cell r="C5711">
            <v>1.0345</v>
          </cell>
          <cell r="AT5711">
            <v>2013</v>
          </cell>
          <cell r="AU5711">
            <v>8</v>
          </cell>
        </row>
        <row r="5712">
          <cell r="C5712">
            <v>1.0334000000000001</v>
          </cell>
          <cell r="AT5712">
            <v>2013</v>
          </cell>
          <cell r="AU5712">
            <v>8</v>
          </cell>
        </row>
        <row r="5713">
          <cell r="C5713">
            <v>1.0376000000000001</v>
          </cell>
          <cell r="AT5713">
            <v>2013</v>
          </cell>
          <cell r="AU5713">
            <v>8</v>
          </cell>
        </row>
        <row r="5714">
          <cell r="C5714">
            <v>1.0443</v>
          </cell>
          <cell r="AT5714">
            <v>2013</v>
          </cell>
          <cell r="AU5714">
            <v>8</v>
          </cell>
        </row>
        <row r="5715">
          <cell r="C5715">
            <v>1.0511999999999999</v>
          </cell>
          <cell r="AT5715">
            <v>2013</v>
          </cell>
          <cell r="AU5715">
            <v>8</v>
          </cell>
        </row>
        <row r="5716">
          <cell r="C5716">
            <v>1.0515000000000001</v>
          </cell>
          <cell r="AT5716">
            <v>2013</v>
          </cell>
          <cell r="AU5716">
            <v>8</v>
          </cell>
        </row>
        <row r="5717">
          <cell r="C5717">
            <v>1.0515000000000001</v>
          </cell>
          <cell r="AT5717">
            <v>2013</v>
          </cell>
          <cell r="AU5717">
            <v>8</v>
          </cell>
        </row>
        <row r="5718">
          <cell r="C5718">
            <v>1.0515000000000001</v>
          </cell>
          <cell r="AT5718">
            <v>2013</v>
          </cell>
          <cell r="AU5718">
            <v>8</v>
          </cell>
        </row>
        <row r="5719">
          <cell r="C5719">
            <v>1.0513999999999999</v>
          </cell>
          <cell r="AT5719">
            <v>2013</v>
          </cell>
          <cell r="AU5719">
            <v>8</v>
          </cell>
        </row>
        <row r="5720">
          <cell r="C5720">
            <v>1.0503</v>
          </cell>
          <cell r="AT5720">
            <v>2013</v>
          </cell>
          <cell r="AU5720">
            <v>8</v>
          </cell>
        </row>
        <row r="5721">
          <cell r="C5721">
            <v>1.0489999999999999</v>
          </cell>
          <cell r="AT5721">
            <v>2013</v>
          </cell>
          <cell r="AU5721">
            <v>8</v>
          </cell>
        </row>
        <row r="5722">
          <cell r="C5722">
            <v>1.0526</v>
          </cell>
          <cell r="AT5722">
            <v>2013</v>
          </cell>
          <cell r="AU5722">
            <v>8</v>
          </cell>
        </row>
        <row r="5723">
          <cell r="C5723">
            <v>1.0552999999999999</v>
          </cell>
          <cell r="AT5723">
            <v>2013</v>
          </cell>
          <cell r="AU5723">
            <v>8</v>
          </cell>
        </row>
        <row r="5724">
          <cell r="C5724">
            <v>1.0552999999999999</v>
          </cell>
          <cell r="AT5724">
            <v>2013</v>
          </cell>
          <cell r="AU5724">
            <v>9</v>
          </cell>
        </row>
        <row r="5725">
          <cell r="C5725">
            <v>1.0552999999999999</v>
          </cell>
          <cell r="AT5725">
            <v>2013</v>
          </cell>
          <cell r="AU5725">
            <v>9</v>
          </cell>
        </row>
        <row r="5726">
          <cell r="C5726">
            <v>1.0552999999999999</v>
          </cell>
          <cell r="AT5726">
            <v>2013</v>
          </cell>
          <cell r="AU5726">
            <v>9</v>
          </cell>
        </row>
        <row r="5727">
          <cell r="C5727">
            <v>1.0532999999999999</v>
          </cell>
          <cell r="AT5727">
            <v>2013</v>
          </cell>
          <cell r="AU5727">
            <v>9</v>
          </cell>
        </row>
        <row r="5728">
          <cell r="C5728">
            <v>1.0482</v>
          </cell>
          <cell r="AT5728">
            <v>2013</v>
          </cell>
          <cell r="AU5728">
            <v>9</v>
          </cell>
        </row>
        <row r="5729">
          <cell r="C5729">
            <v>1.05</v>
          </cell>
          <cell r="AT5729">
            <v>2013</v>
          </cell>
          <cell r="AU5729">
            <v>9</v>
          </cell>
        </row>
        <row r="5730">
          <cell r="C5730">
            <v>1.0389999999999999</v>
          </cell>
          <cell r="AT5730">
            <v>2013</v>
          </cell>
          <cell r="AU5730">
            <v>9</v>
          </cell>
        </row>
        <row r="5731">
          <cell r="C5731">
            <v>1.0389999999999999</v>
          </cell>
          <cell r="AT5731">
            <v>2013</v>
          </cell>
          <cell r="AU5731">
            <v>9</v>
          </cell>
        </row>
        <row r="5732">
          <cell r="C5732">
            <v>1.0389999999999999</v>
          </cell>
          <cell r="AT5732">
            <v>2013</v>
          </cell>
          <cell r="AU5732">
            <v>9</v>
          </cell>
        </row>
        <row r="5733">
          <cell r="C5733">
            <v>1.0366</v>
          </cell>
          <cell r="AT5733">
            <v>2013</v>
          </cell>
          <cell r="AU5733">
            <v>9</v>
          </cell>
        </row>
        <row r="5734">
          <cell r="C5734">
            <v>1.0357000000000001</v>
          </cell>
          <cell r="AT5734">
            <v>2013</v>
          </cell>
          <cell r="AU5734">
            <v>9</v>
          </cell>
        </row>
        <row r="5735">
          <cell r="C5735">
            <v>1.0337000000000001</v>
          </cell>
          <cell r="AT5735">
            <v>2013</v>
          </cell>
          <cell r="AU5735">
            <v>9</v>
          </cell>
        </row>
        <row r="5736">
          <cell r="C5736">
            <v>1.032</v>
          </cell>
          <cell r="AT5736">
            <v>2013</v>
          </cell>
          <cell r="AU5736">
            <v>9</v>
          </cell>
        </row>
        <row r="5737">
          <cell r="C5737">
            <v>1.0341</v>
          </cell>
          <cell r="AT5737">
            <v>2013</v>
          </cell>
          <cell r="AU5737">
            <v>9</v>
          </cell>
        </row>
        <row r="5738">
          <cell r="C5738">
            <v>1.0341</v>
          </cell>
          <cell r="AT5738">
            <v>2013</v>
          </cell>
          <cell r="AU5738">
            <v>9</v>
          </cell>
        </row>
        <row r="5739">
          <cell r="C5739">
            <v>1.0341</v>
          </cell>
          <cell r="AT5739">
            <v>2013</v>
          </cell>
          <cell r="AU5739">
            <v>9</v>
          </cell>
        </row>
        <row r="5740">
          <cell r="C5740">
            <v>1.0316000000000001</v>
          </cell>
          <cell r="AT5740">
            <v>2013</v>
          </cell>
          <cell r="AU5740">
            <v>9</v>
          </cell>
        </row>
        <row r="5741">
          <cell r="C5741">
            <v>1.0290999999999999</v>
          </cell>
          <cell r="AT5741">
            <v>2013</v>
          </cell>
          <cell r="AU5741">
            <v>9</v>
          </cell>
        </row>
        <row r="5742">
          <cell r="C5742">
            <v>1.0311999999999999</v>
          </cell>
          <cell r="AT5742">
            <v>2013</v>
          </cell>
          <cell r="AU5742">
            <v>9</v>
          </cell>
        </row>
        <row r="5743">
          <cell r="C5743">
            <v>1.0237000000000001</v>
          </cell>
          <cell r="AT5743">
            <v>2013</v>
          </cell>
          <cell r="AU5743">
            <v>9</v>
          </cell>
        </row>
        <row r="5744">
          <cell r="C5744">
            <v>1.0286999999999999</v>
          </cell>
          <cell r="AT5744">
            <v>2013</v>
          </cell>
          <cell r="AU5744">
            <v>9</v>
          </cell>
        </row>
        <row r="5745">
          <cell r="C5745">
            <v>1.0286999999999999</v>
          </cell>
          <cell r="AT5745">
            <v>2013</v>
          </cell>
          <cell r="AU5745">
            <v>9</v>
          </cell>
        </row>
        <row r="5746">
          <cell r="C5746">
            <v>1.0286999999999999</v>
          </cell>
          <cell r="AT5746">
            <v>2013</v>
          </cell>
          <cell r="AU5746">
            <v>9</v>
          </cell>
        </row>
        <row r="5747">
          <cell r="C5747">
            <v>1.0283</v>
          </cell>
          <cell r="AT5747">
            <v>2013</v>
          </cell>
          <cell r="AU5747">
            <v>9</v>
          </cell>
        </row>
        <row r="5748">
          <cell r="C5748">
            <v>1.0295000000000001</v>
          </cell>
          <cell r="AT5748">
            <v>2013</v>
          </cell>
          <cell r="AU5748">
            <v>9</v>
          </cell>
        </row>
        <row r="5749">
          <cell r="C5749">
            <v>1.0295000000000001</v>
          </cell>
          <cell r="AT5749">
            <v>2013</v>
          </cell>
          <cell r="AU5749">
            <v>9</v>
          </cell>
        </row>
        <row r="5750">
          <cell r="C5750">
            <v>1.0321</v>
          </cell>
          <cell r="AT5750">
            <v>2013</v>
          </cell>
          <cell r="AU5750">
            <v>9</v>
          </cell>
        </row>
        <row r="5751">
          <cell r="C5751">
            <v>1.03</v>
          </cell>
          <cell r="AT5751">
            <v>2013</v>
          </cell>
          <cell r="AU5751">
            <v>9</v>
          </cell>
        </row>
        <row r="5752">
          <cell r="C5752">
            <v>1.03</v>
          </cell>
          <cell r="AT5752">
            <v>2013</v>
          </cell>
          <cell r="AU5752">
            <v>9</v>
          </cell>
        </row>
        <row r="5753">
          <cell r="C5753">
            <v>1.03</v>
          </cell>
          <cell r="AT5753">
            <v>2013</v>
          </cell>
          <cell r="AU5753">
            <v>9</v>
          </cell>
        </row>
        <row r="5754">
          <cell r="C5754">
            <v>1.0285</v>
          </cell>
          <cell r="AT5754">
            <v>2013</v>
          </cell>
          <cell r="AU5754">
            <v>10</v>
          </cell>
        </row>
        <row r="5755">
          <cell r="C5755">
            <v>1.0333000000000001</v>
          </cell>
          <cell r="AT5755">
            <v>2013</v>
          </cell>
          <cell r="AU5755">
            <v>10</v>
          </cell>
        </row>
        <row r="5756">
          <cell r="C5756">
            <v>1.0331999999999999</v>
          </cell>
          <cell r="AT5756">
            <v>2013</v>
          </cell>
          <cell r="AU5756">
            <v>10</v>
          </cell>
        </row>
        <row r="5757">
          <cell r="C5757">
            <v>1.0323</v>
          </cell>
          <cell r="AT5757">
            <v>2013</v>
          </cell>
          <cell r="AU5757">
            <v>10</v>
          </cell>
        </row>
        <row r="5758">
          <cell r="C5758">
            <v>1.0306</v>
          </cell>
          <cell r="AT5758">
            <v>2013</v>
          </cell>
          <cell r="AU5758">
            <v>10</v>
          </cell>
        </row>
        <row r="5759">
          <cell r="C5759">
            <v>1.0306</v>
          </cell>
          <cell r="AT5759">
            <v>2013</v>
          </cell>
          <cell r="AU5759">
            <v>10</v>
          </cell>
        </row>
        <row r="5760">
          <cell r="C5760">
            <v>1.0306</v>
          </cell>
          <cell r="AT5760">
            <v>2013</v>
          </cell>
          <cell r="AU5760">
            <v>10</v>
          </cell>
        </row>
        <row r="5761">
          <cell r="C5761">
            <v>1.0306</v>
          </cell>
          <cell r="AT5761">
            <v>2013</v>
          </cell>
          <cell r="AU5761">
            <v>10</v>
          </cell>
        </row>
        <row r="5762">
          <cell r="C5762">
            <v>1.0330999999999999</v>
          </cell>
          <cell r="AT5762">
            <v>2013</v>
          </cell>
          <cell r="AU5762">
            <v>10</v>
          </cell>
        </row>
        <row r="5763">
          <cell r="C5763">
            <v>1.0397000000000001</v>
          </cell>
          <cell r="AT5763">
            <v>2013</v>
          </cell>
          <cell r="AU5763">
            <v>10</v>
          </cell>
        </row>
        <row r="5764">
          <cell r="C5764">
            <v>1.0383</v>
          </cell>
          <cell r="AT5764">
            <v>2013</v>
          </cell>
          <cell r="AU5764">
            <v>10</v>
          </cell>
        </row>
        <row r="5765">
          <cell r="C5765">
            <v>1.0385</v>
          </cell>
          <cell r="AT5765">
            <v>2013</v>
          </cell>
          <cell r="AU5765">
            <v>10</v>
          </cell>
        </row>
        <row r="5766">
          <cell r="C5766">
            <v>1.0385</v>
          </cell>
          <cell r="AT5766">
            <v>2013</v>
          </cell>
          <cell r="AU5766">
            <v>10</v>
          </cell>
        </row>
        <row r="5767">
          <cell r="C5767">
            <v>1.0385</v>
          </cell>
          <cell r="AT5767">
            <v>2013</v>
          </cell>
          <cell r="AU5767">
            <v>10</v>
          </cell>
        </row>
        <row r="5768">
          <cell r="C5768">
            <v>1.0385</v>
          </cell>
          <cell r="AT5768">
            <v>2013</v>
          </cell>
          <cell r="AU5768">
            <v>10</v>
          </cell>
        </row>
        <row r="5769">
          <cell r="C5769">
            <v>1.0370999999999999</v>
          </cell>
          <cell r="AT5769">
            <v>2013</v>
          </cell>
          <cell r="AU5769">
            <v>10</v>
          </cell>
        </row>
        <row r="5770">
          <cell r="C5770">
            <v>1.0345</v>
          </cell>
          <cell r="AT5770">
            <v>2013</v>
          </cell>
          <cell r="AU5770">
            <v>10</v>
          </cell>
        </row>
        <row r="5771">
          <cell r="C5771">
            <v>1.0285</v>
          </cell>
          <cell r="AT5771">
            <v>2013</v>
          </cell>
          <cell r="AU5771">
            <v>10</v>
          </cell>
        </row>
        <row r="5772">
          <cell r="C5772">
            <v>1.0286999999999999</v>
          </cell>
          <cell r="AT5772">
            <v>2013</v>
          </cell>
          <cell r="AU5772">
            <v>10</v>
          </cell>
        </row>
        <row r="5773">
          <cell r="C5773">
            <v>1.0286999999999999</v>
          </cell>
          <cell r="AT5773">
            <v>2013</v>
          </cell>
          <cell r="AU5773">
            <v>10</v>
          </cell>
        </row>
        <row r="5774">
          <cell r="C5774">
            <v>1.0286999999999999</v>
          </cell>
          <cell r="AT5774">
            <v>2013</v>
          </cell>
          <cell r="AU5774">
            <v>10</v>
          </cell>
        </row>
        <row r="5775">
          <cell r="C5775">
            <v>1.0297000000000001</v>
          </cell>
          <cell r="AT5775">
            <v>2013</v>
          </cell>
          <cell r="AU5775">
            <v>10</v>
          </cell>
        </row>
        <row r="5776">
          <cell r="C5776">
            <v>1.0284</v>
          </cell>
          <cell r="AT5776">
            <v>2013</v>
          </cell>
          <cell r="AU5776">
            <v>10</v>
          </cell>
        </row>
        <row r="5777">
          <cell r="C5777">
            <v>1.0385</v>
          </cell>
          <cell r="AT5777">
            <v>2013</v>
          </cell>
          <cell r="AU5777">
            <v>10</v>
          </cell>
        </row>
        <row r="5778">
          <cell r="C5778">
            <v>1.0385</v>
          </cell>
          <cell r="AT5778">
            <v>2013</v>
          </cell>
          <cell r="AU5778">
            <v>10</v>
          </cell>
        </row>
        <row r="5779">
          <cell r="C5779">
            <v>1.0449999999999999</v>
          </cell>
          <cell r="AT5779">
            <v>2013</v>
          </cell>
          <cell r="AU5779">
            <v>10</v>
          </cell>
        </row>
        <row r="5780">
          <cell r="C5780">
            <v>1.0449999999999999</v>
          </cell>
          <cell r="AT5780">
            <v>2013</v>
          </cell>
          <cell r="AU5780">
            <v>10</v>
          </cell>
        </row>
        <row r="5781">
          <cell r="C5781">
            <v>1.0449999999999999</v>
          </cell>
          <cell r="AT5781">
            <v>2013</v>
          </cell>
          <cell r="AU5781">
            <v>10</v>
          </cell>
        </row>
        <row r="5782">
          <cell r="C5782">
            <v>1.0445</v>
          </cell>
          <cell r="AT5782">
            <v>2013</v>
          </cell>
          <cell r="AU5782">
            <v>10</v>
          </cell>
        </row>
        <row r="5783">
          <cell r="C5783">
            <v>1.0445</v>
          </cell>
          <cell r="AT5783">
            <v>2013</v>
          </cell>
          <cell r="AU5783">
            <v>10</v>
          </cell>
        </row>
        <row r="5784">
          <cell r="C5784">
            <v>1.0445</v>
          </cell>
          <cell r="AT5784">
            <v>2013</v>
          </cell>
          <cell r="AU5784">
            <v>10</v>
          </cell>
        </row>
        <row r="5785">
          <cell r="C5785">
            <v>1.0428999999999999</v>
          </cell>
          <cell r="AT5785">
            <v>2013</v>
          </cell>
          <cell r="AU5785">
            <v>11</v>
          </cell>
        </row>
        <row r="5786">
          <cell r="C5786">
            <v>1.0443</v>
          </cell>
          <cell r="AT5786">
            <v>2013</v>
          </cell>
          <cell r="AU5786">
            <v>11</v>
          </cell>
        </row>
        <row r="5787">
          <cell r="C5787">
            <v>1.0443</v>
          </cell>
          <cell r="AT5787">
            <v>2013</v>
          </cell>
          <cell r="AU5787">
            <v>11</v>
          </cell>
        </row>
        <row r="5788">
          <cell r="C5788">
            <v>1.0443</v>
          </cell>
          <cell r="AT5788">
            <v>2013</v>
          </cell>
          <cell r="AU5788">
            <v>11</v>
          </cell>
        </row>
        <row r="5789">
          <cell r="C5789">
            <v>1.0415000000000001</v>
          </cell>
          <cell r="AT5789">
            <v>2013</v>
          </cell>
          <cell r="AU5789">
            <v>11</v>
          </cell>
        </row>
        <row r="5790">
          <cell r="C5790">
            <v>1.0448</v>
          </cell>
          <cell r="AT5790">
            <v>2013</v>
          </cell>
          <cell r="AU5790">
            <v>11</v>
          </cell>
        </row>
        <row r="5791">
          <cell r="C5791">
            <v>1.0419</v>
          </cell>
          <cell r="AT5791">
            <v>2013</v>
          </cell>
          <cell r="AU5791">
            <v>11</v>
          </cell>
        </row>
        <row r="5792">
          <cell r="C5792">
            <v>1.0442</v>
          </cell>
          <cell r="AT5792">
            <v>2013</v>
          </cell>
          <cell r="AU5792">
            <v>11</v>
          </cell>
        </row>
        <row r="5793">
          <cell r="C5793">
            <v>1.0487</v>
          </cell>
          <cell r="AT5793">
            <v>2013</v>
          </cell>
          <cell r="AU5793">
            <v>11</v>
          </cell>
        </row>
        <row r="5794">
          <cell r="C5794">
            <v>1.0487</v>
          </cell>
          <cell r="AT5794">
            <v>2013</v>
          </cell>
          <cell r="AU5794">
            <v>11</v>
          </cell>
        </row>
        <row r="5795">
          <cell r="C5795">
            <v>1.0487</v>
          </cell>
          <cell r="AT5795">
            <v>2013</v>
          </cell>
          <cell r="AU5795">
            <v>11</v>
          </cell>
        </row>
        <row r="5796">
          <cell r="C5796">
            <v>1.0487</v>
          </cell>
          <cell r="AT5796">
            <v>2013</v>
          </cell>
          <cell r="AU5796">
            <v>11</v>
          </cell>
        </row>
        <row r="5797">
          <cell r="C5797">
            <v>1.0502</v>
          </cell>
          <cell r="AT5797">
            <v>2013</v>
          </cell>
          <cell r="AU5797">
            <v>11</v>
          </cell>
        </row>
        <row r="5798">
          <cell r="C5798">
            <v>1.0468</v>
          </cell>
          <cell r="AT5798">
            <v>2013</v>
          </cell>
          <cell r="AU5798">
            <v>11</v>
          </cell>
        </row>
        <row r="5799">
          <cell r="C5799">
            <v>1.0497000000000001</v>
          </cell>
          <cell r="AT5799">
            <v>2013</v>
          </cell>
          <cell r="AU5799">
            <v>11</v>
          </cell>
        </row>
        <row r="5800">
          <cell r="C5800">
            <v>1.0458000000000001</v>
          </cell>
          <cell r="AT5800">
            <v>2013</v>
          </cell>
          <cell r="AU5800">
            <v>11</v>
          </cell>
        </row>
        <row r="5801">
          <cell r="C5801">
            <v>1.0458000000000001</v>
          </cell>
          <cell r="AT5801">
            <v>2013</v>
          </cell>
          <cell r="AU5801">
            <v>11</v>
          </cell>
        </row>
        <row r="5802">
          <cell r="C5802">
            <v>1.0458000000000001</v>
          </cell>
          <cell r="AT5802">
            <v>2013</v>
          </cell>
          <cell r="AU5802">
            <v>11</v>
          </cell>
        </row>
        <row r="5803">
          <cell r="C5803">
            <v>1.0427</v>
          </cell>
          <cell r="AT5803">
            <v>2013</v>
          </cell>
          <cell r="AU5803">
            <v>11</v>
          </cell>
        </row>
        <row r="5804">
          <cell r="C5804">
            <v>1.0466</v>
          </cell>
          <cell r="AT5804">
            <v>2013</v>
          </cell>
          <cell r="AU5804">
            <v>11</v>
          </cell>
        </row>
        <row r="5805">
          <cell r="C5805">
            <v>1.0445</v>
          </cell>
          <cell r="AT5805">
            <v>2013</v>
          </cell>
          <cell r="AU5805">
            <v>11</v>
          </cell>
        </row>
        <row r="5806">
          <cell r="C5806">
            <v>1.0506</v>
          </cell>
          <cell r="AT5806">
            <v>2013</v>
          </cell>
          <cell r="AU5806">
            <v>11</v>
          </cell>
        </row>
        <row r="5807">
          <cell r="C5807">
            <v>1.0535000000000001</v>
          </cell>
          <cell r="AT5807">
            <v>2013</v>
          </cell>
          <cell r="AU5807">
            <v>11</v>
          </cell>
        </row>
        <row r="5808">
          <cell r="C5808">
            <v>1.0535000000000001</v>
          </cell>
          <cell r="AT5808">
            <v>2013</v>
          </cell>
          <cell r="AU5808">
            <v>11</v>
          </cell>
        </row>
        <row r="5809">
          <cell r="C5809">
            <v>1.0535000000000001</v>
          </cell>
          <cell r="AT5809">
            <v>2013</v>
          </cell>
          <cell r="AU5809">
            <v>11</v>
          </cell>
        </row>
        <row r="5810">
          <cell r="C5810">
            <v>1.0553999999999999</v>
          </cell>
          <cell r="AT5810">
            <v>2013</v>
          </cell>
          <cell r="AU5810">
            <v>11</v>
          </cell>
        </row>
        <row r="5811">
          <cell r="C5811">
            <v>1.0547</v>
          </cell>
          <cell r="AT5811">
            <v>2013</v>
          </cell>
          <cell r="AU5811">
            <v>11</v>
          </cell>
        </row>
        <row r="5812">
          <cell r="C5812">
            <v>1.0547</v>
          </cell>
          <cell r="AT5812">
            <v>2013</v>
          </cell>
          <cell r="AU5812">
            <v>11</v>
          </cell>
        </row>
        <row r="5813">
          <cell r="C5813">
            <v>1.0592999999999999</v>
          </cell>
          <cell r="AT5813">
            <v>2013</v>
          </cell>
          <cell r="AU5813">
            <v>11</v>
          </cell>
        </row>
        <row r="5814">
          <cell r="C5814">
            <v>1.0592999999999999</v>
          </cell>
          <cell r="AT5814">
            <v>2013</v>
          </cell>
          <cell r="AU5814">
            <v>11</v>
          </cell>
        </row>
        <row r="5815">
          <cell r="C5815">
            <v>1.0592999999999999</v>
          </cell>
          <cell r="AT5815">
            <v>2013</v>
          </cell>
          <cell r="AU5815">
            <v>12</v>
          </cell>
        </row>
        <row r="5816">
          <cell r="C5816">
            <v>1.0592999999999999</v>
          </cell>
          <cell r="AT5816">
            <v>2013</v>
          </cell>
          <cell r="AU5816">
            <v>12</v>
          </cell>
        </row>
        <row r="5817">
          <cell r="C5817">
            <v>1.0633999999999999</v>
          </cell>
          <cell r="AT5817">
            <v>2013</v>
          </cell>
          <cell r="AU5817">
            <v>12</v>
          </cell>
        </row>
        <row r="5818">
          <cell r="C5818">
            <v>1.0662</v>
          </cell>
          <cell r="AT5818">
            <v>2013</v>
          </cell>
          <cell r="AU5818">
            <v>12</v>
          </cell>
        </row>
        <row r="5819">
          <cell r="C5819">
            <v>1.0696000000000001</v>
          </cell>
          <cell r="AT5819">
            <v>2013</v>
          </cell>
          <cell r="AU5819">
            <v>12</v>
          </cell>
        </row>
        <row r="5820">
          <cell r="C5820">
            <v>1.0638000000000001</v>
          </cell>
          <cell r="AT5820">
            <v>2013</v>
          </cell>
          <cell r="AU5820">
            <v>12</v>
          </cell>
        </row>
        <row r="5821">
          <cell r="C5821">
            <v>1.0663</v>
          </cell>
          <cell r="AT5821">
            <v>2013</v>
          </cell>
          <cell r="AU5821">
            <v>12</v>
          </cell>
        </row>
        <row r="5822">
          <cell r="C5822">
            <v>1.0663</v>
          </cell>
          <cell r="AT5822">
            <v>2013</v>
          </cell>
          <cell r="AU5822">
            <v>12</v>
          </cell>
        </row>
        <row r="5823">
          <cell r="C5823">
            <v>1.0663</v>
          </cell>
          <cell r="AT5823">
            <v>2013</v>
          </cell>
          <cell r="AU5823">
            <v>12</v>
          </cell>
        </row>
        <row r="5824">
          <cell r="C5824">
            <v>1.0641</v>
          </cell>
          <cell r="AT5824">
            <v>2013</v>
          </cell>
          <cell r="AU5824">
            <v>12</v>
          </cell>
        </row>
        <row r="5825">
          <cell r="C5825">
            <v>1.0623</v>
          </cell>
          <cell r="AT5825">
            <v>2013</v>
          </cell>
          <cell r="AU5825">
            <v>12</v>
          </cell>
        </row>
        <row r="5826">
          <cell r="C5826">
            <v>1.0607</v>
          </cell>
          <cell r="AT5826">
            <v>2013</v>
          </cell>
          <cell r="AU5826">
            <v>12</v>
          </cell>
        </row>
        <row r="5827">
          <cell r="C5827">
            <v>1.0641</v>
          </cell>
          <cell r="AT5827">
            <v>2013</v>
          </cell>
          <cell r="AU5827">
            <v>12</v>
          </cell>
        </row>
        <row r="5828">
          <cell r="C5828">
            <v>1.0595000000000001</v>
          </cell>
          <cell r="AT5828">
            <v>2013</v>
          </cell>
          <cell r="AU5828">
            <v>12</v>
          </cell>
        </row>
        <row r="5829">
          <cell r="C5829">
            <v>1.0595000000000001</v>
          </cell>
          <cell r="AT5829">
            <v>2013</v>
          </cell>
          <cell r="AU5829">
            <v>12</v>
          </cell>
        </row>
        <row r="5830">
          <cell r="C5830">
            <v>1.0595000000000001</v>
          </cell>
          <cell r="AT5830">
            <v>2013</v>
          </cell>
          <cell r="AU5830">
            <v>12</v>
          </cell>
        </row>
        <row r="5831">
          <cell r="C5831">
            <v>1.0577000000000001</v>
          </cell>
          <cell r="AT5831">
            <v>2013</v>
          </cell>
          <cell r="AU5831">
            <v>12</v>
          </cell>
        </row>
        <row r="5832">
          <cell r="C5832">
            <v>1.0609999999999999</v>
          </cell>
          <cell r="AT5832">
            <v>2013</v>
          </cell>
          <cell r="AU5832">
            <v>12</v>
          </cell>
        </row>
        <row r="5833">
          <cell r="C5833">
            <v>1.0645</v>
          </cell>
          <cell r="AT5833">
            <v>2013</v>
          </cell>
          <cell r="AU5833">
            <v>12</v>
          </cell>
        </row>
        <row r="5834">
          <cell r="C5834">
            <v>1.0676000000000001</v>
          </cell>
          <cell r="AT5834">
            <v>2013</v>
          </cell>
          <cell r="AU5834">
            <v>12</v>
          </cell>
        </row>
        <row r="5835">
          <cell r="C5835">
            <v>1.0680000000000001</v>
          </cell>
          <cell r="AT5835">
            <v>2013</v>
          </cell>
          <cell r="AU5835">
            <v>12</v>
          </cell>
        </row>
        <row r="5836">
          <cell r="C5836">
            <v>1.0680000000000001</v>
          </cell>
          <cell r="AT5836">
            <v>2013</v>
          </cell>
          <cell r="AU5836">
            <v>12</v>
          </cell>
        </row>
        <row r="5837">
          <cell r="C5837">
            <v>1.0680000000000001</v>
          </cell>
          <cell r="AT5837">
            <v>2013</v>
          </cell>
          <cell r="AU5837">
            <v>12</v>
          </cell>
        </row>
        <row r="5838">
          <cell r="C5838">
            <v>1.0603</v>
          </cell>
          <cell r="AT5838">
            <v>2013</v>
          </cell>
          <cell r="AU5838">
            <v>12</v>
          </cell>
        </row>
        <row r="5839">
          <cell r="C5839">
            <v>1.0619000000000001</v>
          </cell>
          <cell r="AT5839">
            <v>2013</v>
          </cell>
          <cell r="AU5839">
            <v>12</v>
          </cell>
        </row>
        <row r="5840">
          <cell r="C5840">
            <v>1.0619000000000001</v>
          </cell>
          <cell r="AT5840">
            <v>2013</v>
          </cell>
          <cell r="AU5840">
            <v>12</v>
          </cell>
        </row>
        <row r="5841">
          <cell r="C5841">
            <v>1.0619000000000001</v>
          </cell>
          <cell r="AT5841">
            <v>2013</v>
          </cell>
          <cell r="AU5841">
            <v>12</v>
          </cell>
        </row>
        <row r="5842">
          <cell r="C5842">
            <v>1.0697000000000001</v>
          </cell>
          <cell r="AT5842">
            <v>2013</v>
          </cell>
          <cell r="AU5842">
            <v>12</v>
          </cell>
        </row>
        <row r="5843">
          <cell r="C5843">
            <v>1.0697000000000001</v>
          </cell>
          <cell r="AT5843">
            <v>2013</v>
          </cell>
          <cell r="AU5843">
            <v>12</v>
          </cell>
        </row>
        <row r="5844">
          <cell r="C5844">
            <v>1.0697000000000001</v>
          </cell>
          <cell r="AT5844">
            <v>2013</v>
          </cell>
          <cell r="AU5844">
            <v>12</v>
          </cell>
        </row>
        <row r="5845">
          <cell r="C5845">
            <v>1.0640000000000001</v>
          </cell>
          <cell r="AT5845">
            <v>2013</v>
          </cell>
          <cell r="AU5845">
            <v>12</v>
          </cell>
        </row>
        <row r="5846">
          <cell r="C5846">
            <v>1.0636000000000001</v>
          </cell>
          <cell r="AT5846">
            <v>2014</v>
          </cell>
          <cell r="AU5846">
            <v>1</v>
          </cell>
        </row>
        <row r="5847">
          <cell r="C5847">
            <v>1.0636000000000001</v>
          </cell>
          <cell r="AT5847">
            <v>2014</v>
          </cell>
          <cell r="AU5847">
            <v>1</v>
          </cell>
        </row>
        <row r="5848">
          <cell r="C5848">
            <v>1.0632999999999999</v>
          </cell>
          <cell r="AT5848">
            <v>2014</v>
          </cell>
          <cell r="AU5848">
            <v>1</v>
          </cell>
        </row>
        <row r="5849">
          <cell r="C5849">
            <v>1.0613999999999999</v>
          </cell>
          <cell r="AT5849">
            <v>2014</v>
          </cell>
          <cell r="AU5849">
            <v>1</v>
          </cell>
        </row>
        <row r="5850">
          <cell r="C5850">
            <v>1.0613999999999999</v>
          </cell>
          <cell r="AT5850">
            <v>2014</v>
          </cell>
          <cell r="AU5850">
            <v>1</v>
          </cell>
        </row>
        <row r="5851">
          <cell r="C5851">
            <v>1.0613999999999999</v>
          </cell>
          <cell r="AT5851">
            <v>2014</v>
          </cell>
          <cell r="AU5851">
            <v>1</v>
          </cell>
        </row>
        <row r="5852">
          <cell r="C5852">
            <v>1.0659000000000001</v>
          </cell>
          <cell r="AT5852">
            <v>2014</v>
          </cell>
          <cell r="AU5852">
            <v>1</v>
          </cell>
        </row>
        <row r="5853">
          <cell r="C5853">
            <v>1.0742</v>
          </cell>
          <cell r="AT5853">
            <v>2014</v>
          </cell>
          <cell r="AU5853">
            <v>1</v>
          </cell>
        </row>
        <row r="5854">
          <cell r="C5854">
            <v>1.0804</v>
          </cell>
          <cell r="AT5854">
            <v>2014</v>
          </cell>
          <cell r="AU5854">
            <v>1</v>
          </cell>
        </row>
        <row r="5855">
          <cell r="C5855">
            <v>1.0851</v>
          </cell>
          <cell r="AT5855">
            <v>2014</v>
          </cell>
          <cell r="AU5855">
            <v>1</v>
          </cell>
        </row>
        <row r="5856">
          <cell r="C5856">
            <v>1.0916999999999999</v>
          </cell>
          <cell r="AT5856">
            <v>2014</v>
          </cell>
          <cell r="AU5856">
            <v>1</v>
          </cell>
        </row>
        <row r="5857">
          <cell r="C5857">
            <v>1.0916999999999999</v>
          </cell>
          <cell r="AT5857">
            <v>2014</v>
          </cell>
          <cell r="AU5857">
            <v>1</v>
          </cell>
        </row>
        <row r="5858">
          <cell r="C5858">
            <v>1.0916999999999999</v>
          </cell>
          <cell r="AT5858">
            <v>2014</v>
          </cell>
          <cell r="AU5858">
            <v>1</v>
          </cell>
        </row>
        <row r="5859">
          <cell r="C5859">
            <v>1.0869</v>
          </cell>
          <cell r="AT5859">
            <v>2014</v>
          </cell>
          <cell r="AU5859">
            <v>1</v>
          </cell>
        </row>
        <row r="5860">
          <cell r="C5860">
            <v>1.0933999999999999</v>
          </cell>
          <cell r="AT5860">
            <v>2014</v>
          </cell>
          <cell r="AU5860">
            <v>1</v>
          </cell>
        </row>
        <row r="5861">
          <cell r="C5861">
            <v>1.0932999999999999</v>
          </cell>
          <cell r="AT5861">
            <v>2014</v>
          </cell>
          <cell r="AU5861">
            <v>1</v>
          </cell>
        </row>
        <row r="5862">
          <cell r="C5862">
            <v>1.0926</v>
          </cell>
          <cell r="AT5862">
            <v>2014</v>
          </cell>
          <cell r="AU5862">
            <v>1</v>
          </cell>
        </row>
        <row r="5863">
          <cell r="C5863">
            <v>1.0961000000000001</v>
          </cell>
          <cell r="AT5863">
            <v>2014</v>
          </cell>
          <cell r="AU5863">
            <v>1</v>
          </cell>
        </row>
        <row r="5864">
          <cell r="C5864">
            <v>1.0961000000000001</v>
          </cell>
          <cell r="AT5864">
            <v>2014</v>
          </cell>
          <cell r="AU5864">
            <v>1</v>
          </cell>
        </row>
        <row r="5865">
          <cell r="C5865">
            <v>1.0961000000000001</v>
          </cell>
          <cell r="AT5865">
            <v>2014</v>
          </cell>
          <cell r="AU5865">
            <v>1</v>
          </cell>
        </row>
        <row r="5866">
          <cell r="C5866">
            <v>1.0962000000000001</v>
          </cell>
          <cell r="AT5866">
            <v>2014</v>
          </cell>
          <cell r="AU5866">
            <v>1</v>
          </cell>
        </row>
        <row r="5867">
          <cell r="C5867">
            <v>1.0972</v>
          </cell>
          <cell r="AT5867">
            <v>2014</v>
          </cell>
          <cell r="AU5867">
            <v>1</v>
          </cell>
        </row>
        <row r="5868">
          <cell r="C5868">
            <v>1.1069</v>
          </cell>
          <cell r="AT5868">
            <v>2014</v>
          </cell>
          <cell r="AU5868">
            <v>1</v>
          </cell>
        </row>
        <row r="5869">
          <cell r="C5869">
            <v>1.113</v>
          </cell>
          <cell r="AT5869">
            <v>2014</v>
          </cell>
          <cell r="AU5869">
            <v>1</v>
          </cell>
        </row>
        <row r="5870">
          <cell r="C5870">
            <v>1.1062000000000001</v>
          </cell>
          <cell r="AT5870">
            <v>2014</v>
          </cell>
          <cell r="AU5870">
            <v>1</v>
          </cell>
        </row>
        <row r="5871">
          <cell r="C5871">
            <v>1.1062000000000001</v>
          </cell>
          <cell r="AT5871">
            <v>2014</v>
          </cell>
          <cell r="AU5871">
            <v>1</v>
          </cell>
        </row>
        <row r="5872">
          <cell r="C5872">
            <v>1.1062000000000001</v>
          </cell>
          <cell r="AT5872">
            <v>2014</v>
          </cell>
          <cell r="AU5872">
            <v>1</v>
          </cell>
        </row>
        <row r="5873">
          <cell r="C5873">
            <v>1.1097999999999999</v>
          </cell>
          <cell r="AT5873">
            <v>2014</v>
          </cell>
          <cell r="AU5873">
            <v>1</v>
          </cell>
        </row>
        <row r="5874">
          <cell r="C5874">
            <v>1.1148</v>
          </cell>
          <cell r="AT5874">
            <v>2014</v>
          </cell>
          <cell r="AU5874">
            <v>1</v>
          </cell>
        </row>
        <row r="5875">
          <cell r="C5875">
            <v>1.1148</v>
          </cell>
          <cell r="AT5875">
            <v>2014</v>
          </cell>
          <cell r="AU5875">
            <v>1</v>
          </cell>
        </row>
        <row r="5876">
          <cell r="C5876">
            <v>1.1171</v>
          </cell>
          <cell r="AT5876">
            <v>2014</v>
          </cell>
          <cell r="AU5876">
            <v>1</v>
          </cell>
        </row>
        <row r="5877">
          <cell r="C5877">
            <v>1.1119000000000001</v>
          </cell>
          <cell r="AT5877">
            <v>2014</v>
          </cell>
          <cell r="AU5877">
            <v>2</v>
          </cell>
        </row>
        <row r="5878">
          <cell r="C5878">
            <v>1.1119000000000001</v>
          </cell>
          <cell r="AT5878">
            <v>2014</v>
          </cell>
          <cell r="AU5878">
            <v>2</v>
          </cell>
        </row>
        <row r="5879">
          <cell r="C5879">
            <v>1.1119000000000001</v>
          </cell>
          <cell r="AT5879">
            <v>2014</v>
          </cell>
          <cell r="AU5879">
            <v>2</v>
          </cell>
        </row>
        <row r="5880">
          <cell r="C5880">
            <v>1.1075999999999999</v>
          </cell>
          <cell r="AT5880">
            <v>2014</v>
          </cell>
          <cell r="AU5880">
            <v>2</v>
          </cell>
        </row>
        <row r="5881">
          <cell r="C5881">
            <v>1.1054999999999999</v>
          </cell>
          <cell r="AT5881">
            <v>2014</v>
          </cell>
          <cell r="AU5881">
            <v>2</v>
          </cell>
        </row>
        <row r="5882">
          <cell r="C5882">
            <v>1.1101000000000001</v>
          </cell>
          <cell r="AT5882">
            <v>2014</v>
          </cell>
          <cell r="AU5882">
            <v>2</v>
          </cell>
        </row>
        <row r="5883">
          <cell r="C5883">
            <v>1.1066</v>
          </cell>
          <cell r="AT5883">
            <v>2014</v>
          </cell>
          <cell r="AU5883">
            <v>2</v>
          </cell>
        </row>
        <row r="5884">
          <cell r="C5884">
            <v>1.1017999999999999</v>
          </cell>
          <cell r="AT5884">
            <v>2014</v>
          </cell>
          <cell r="AU5884">
            <v>2</v>
          </cell>
        </row>
        <row r="5885">
          <cell r="C5885">
            <v>1.1017999999999999</v>
          </cell>
          <cell r="AT5885">
            <v>2014</v>
          </cell>
          <cell r="AU5885">
            <v>2</v>
          </cell>
        </row>
        <row r="5886">
          <cell r="C5886">
            <v>1.1017999999999999</v>
          </cell>
          <cell r="AT5886">
            <v>2014</v>
          </cell>
          <cell r="AU5886">
            <v>2</v>
          </cell>
        </row>
        <row r="5887">
          <cell r="C5887">
            <v>1.1048</v>
          </cell>
          <cell r="AT5887">
            <v>2014</v>
          </cell>
          <cell r="AU5887">
            <v>2</v>
          </cell>
        </row>
        <row r="5888">
          <cell r="C5888">
            <v>1.1025</v>
          </cell>
          <cell r="AT5888">
            <v>2014</v>
          </cell>
          <cell r="AU5888">
            <v>2</v>
          </cell>
        </row>
        <row r="5889">
          <cell r="C5889">
            <v>1.0992999999999999</v>
          </cell>
          <cell r="AT5889">
            <v>2014</v>
          </cell>
          <cell r="AU5889">
            <v>2</v>
          </cell>
        </row>
        <row r="5890">
          <cell r="C5890">
            <v>1.0980000000000001</v>
          </cell>
          <cell r="AT5890">
            <v>2014</v>
          </cell>
          <cell r="AU5890">
            <v>2</v>
          </cell>
        </row>
        <row r="5891">
          <cell r="C5891">
            <v>1.0981000000000001</v>
          </cell>
          <cell r="AT5891">
            <v>2014</v>
          </cell>
          <cell r="AU5891">
            <v>2</v>
          </cell>
        </row>
        <row r="5892">
          <cell r="C5892">
            <v>1.0981000000000001</v>
          </cell>
          <cell r="AT5892">
            <v>2014</v>
          </cell>
          <cell r="AU5892">
            <v>2</v>
          </cell>
        </row>
        <row r="5893">
          <cell r="C5893">
            <v>1.0981000000000001</v>
          </cell>
          <cell r="AT5893">
            <v>2014</v>
          </cell>
          <cell r="AU5893">
            <v>2</v>
          </cell>
        </row>
        <row r="5894">
          <cell r="C5894">
            <v>1.0981000000000001</v>
          </cell>
          <cell r="AT5894">
            <v>2014</v>
          </cell>
          <cell r="AU5894">
            <v>2</v>
          </cell>
        </row>
        <row r="5895">
          <cell r="C5895">
            <v>1.0952999999999999</v>
          </cell>
          <cell r="AT5895">
            <v>2014</v>
          </cell>
          <cell r="AU5895">
            <v>2</v>
          </cell>
        </row>
        <row r="5896">
          <cell r="C5896">
            <v>1.1045</v>
          </cell>
          <cell r="AT5896">
            <v>2014</v>
          </cell>
          <cell r="AU5896">
            <v>2</v>
          </cell>
        </row>
        <row r="5897">
          <cell r="C5897">
            <v>1.1104000000000001</v>
          </cell>
          <cell r="AT5897">
            <v>2014</v>
          </cell>
          <cell r="AU5897">
            <v>2</v>
          </cell>
        </row>
        <row r="5898">
          <cell r="C5898">
            <v>1.1128</v>
          </cell>
          <cell r="AT5898">
            <v>2014</v>
          </cell>
          <cell r="AU5898">
            <v>2</v>
          </cell>
        </row>
        <row r="5899">
          <cell r="C5899">
            <v>1.1128</v>
          </cell>
          <cell r="AT5899">
            <v>2014</v>
          </cell>
          <cell r="AU5899">
            <v>2</v>
          </cell>
        </row>
        <row r="5900">
          <cell r="C5900">
            <v>1.1128</v>
          </cell>
          <cell r="AT5900">
            <v>2014</v>
          </cell>
          <cell r="AU5900">
            <v>2</v>
          </cell>
        </row>
        <row r="5901">
          <cell r="C5901">
            <v>1.1057999999999999</v>
          </cell>
          <cell r="AT5901">
            <v>2014</v>
          </cell>
          <cell r="AU5901">
            <v>2</v>
          </cell>
        </row>
        <row r="5902">
          <cell r="C5902">
            <v>1.1084000000000001</v>
          </cell>
          <cell r="AT5902">
            <v>2014</v>
          </cell>
          <cell r="AU5902">
            <v>2</v>
          </cell>
        </row>
        <row r="5903">
          <cell r="C5903">
            <v>1.1116999999999999</v>
          </cell>
          <cell r="AT5903">
            <v>2014</v>
          </cell>
          <cell r="AU5903">
            <v>2</v>
          </cell>
        </row>
        <row r="5904">
          <cell r="C5904">
            <v>1.1140000000000001</v>
          </cell>
          <cell r="AT5904">
            <v>2014</v>
          </cell>
          <cell r="AU5904">
            <v>2</v>
          </cell>
        </row>
        <row r="5905">
          <cell r="C5905">
            <v>1.1074999999999999</v>
          </cell>
          <cell r="AT5905">
            <v>2014</v>
          </cell>
          <cell r="AU5905">
            <v>3</v>
          </cell>
        </row>
        <row r="5906">
          <cell r="C5906">
            <v>1.1074999999999999</v>
          </cell>
          <cell r="AT5906">
            <v>2014</v>
          </cell>
          <cell r="AU5906">
            <v>3</v>
          </cell>
        </row>
        <row r="5907">
          <cell r="C5907">
            <v>1.1074999999999999</v>
          </cell>
          <cell r="AT5907">
            <v>2014</v>
          </cell>
          <cell r="AU5907">
            <v>3</v>
          </cell>
        </row>
        <row r="5908">
          <cell r="C5908">
            <v>1.1074999999999999</v>
          </cell>
          <cell r="AT5908">
            <v>2014</v>
          </cell>
          <cell r="AU5908">
            <v>3</v>
          </cell>
        </row>
        <row r="5909">
          <cell r="C5909">
            <v>1.1113999999999999</v>
          </cell>
          <cell r="AT5909">
            <v>2014</v>
          </cell>
          <cell r="AU5909">
            <v>3</v>
          </cell>
        </row>
        <row r="5910">
          <cell r="C5910">
            <v>1.1051</v>
          </cell>
          <cell r="AT5910">
            <v>2014</v>
          </cell>
          <cell r="AU5910">
            <v>3</v>
          </cell>
        </row>
        <row r="5911">
          <cell r="C5911">
            <v>1.0966</v>
          </cell>
          <cell r="AT5911">
            <v>2014</v>
          </cell>
          <cell r="AU5911">
            <v>3</v>
          </cell>
        </row>
        <row r="5912">
          <cell r="C5912">
            <v>1.1089</v>
          </cell>
          <cell r="AT5912">
            <v>2014</v>
          </cell>
          <cell r="AU5912">
            <v>3</v>
          </cell>
        </row>
        <row r="5913">
          <cell r="C5913">
            <v>1.1089</v>
          </cell>
          <cell r="AT5913">
            <v>2014</v>
          </cell>
          <cell r="AU5913">
            <v>3</v>
          </cell>
        </row>
        <row r="5914">
          <cell r="C5914">
            <v>1.1089</v>
          </cell>
          <cell r="AT5914">
            <v>2014</v>
          </cell>
          <cell r="AU5914">
            <v>3</v>
          </cell>
        </row>
        <row r="5915">
          <cell r="C5915">
            <v>1.1105</v>
          </cell>
          <cell r="AT5915">
            <v>2014</v>
          </cell>
          <cell r="AU5915">
            <v>3</v>
          </cell>
        </row>
        <row r="5916">
          <cell r="C5916">
            <v>1.1085</v>
          </cell>
          <cell r="AT5916">
            <v>2014</v>
          </cell>
          <cell r="AU5916">
            <v>3</v>
          </cell>
        </row>
        <row r="5917">
          <cell r="C5917">
            <v>1.1132</v>
          </cell>
          <cell r="AT5917">
            <v>2014</v>
          </cell>
          <cell r="AU5917">
            <v>3</v>
          </cell>
        </row>
        <row r="5918">
          <cell r="C5918">
            <v>1.1056999999999999</v>
          </cell>
          <cell r="AT5918">
            <v>2014</v>
          </cell>
          <cell r="AU5918">
            <v>3</v>
          </cell>
        </row>
        <row r="5919">
          <cell r="C5919">
            <v>1.1087</v>
          </cell>
          <cell r="AT5919">
            <v>2014</v>
          </cell>
          <cell r="AU5919">
            <v>3</v>
          </cell>
        </row>
        <row r="5920">
          <cell r="C5920">
            <v>1.1087</v>
          </cell>
          <cell r="AT5920">
            <v>2014</v>
          </cell>
          <cell r="AU5920">
            <v>3</v>
          </cell>
        </row>
        <row r="5921">
          <cell r="C5921">
            <v>1.1087</v>
          </cell>
          <cell r="AT5921">
            <v>2014</v>
          </cell>
          <cell r="AU5921">
            <v>3</v>
          </cell>
        </row>
        <row r="5922">
          <cell r="C5922">
            <v>1.1052</v>
          </cell>
          <cell r="AT5922">
            <v>2014</v>
          </cell>
          <cell r="AU5922">
            <v>3</v>
          </cell>
        </row>
        <row r="5923">
          <cell r="C5923">
            <v>1.1086</v>
          </cell>
          <cell r="AT5923">
            <v>2014</v>
          </cell>
          <cell r="AU5923">
            <v>3</v>
          </cell>
        </row>
        <row r="5924">
          <cell r="C5924">
            <v>1.1178999999999999</v>
          </cell>
          <cell r="AT5924">
            <v>2014</v>
          </cell>
          <cell r="AU5924">
            <v>3</v>
          </cell>
        </row>
        <row r="5925">
          <cell r="C5925">
            <v>1.1251</v>
          </cell>
          <cell r="AT5925">
            <v>2014</v>
          </cell>
          <cell r="AU5925">
            <v>3</v>
          </cell>
        </row>
        <row r="5926">
          <cell r="C5926">
            <v>1.1194</v>
          </cell>
          <cell r="AT5926">
            <v>2014</v>
          </cell>
          <cell r="AU5926">
            <v>3</v>
          </cell>
        </row>
        <row r="5927">
          <cell r="C5927">
            <v>1.1194</v>
          </cell>
          <cell r="AT5927">
            <v>2014</v>
          </cell>
          <cell r="AU5927">
            <v>3</v>
          </cell>
        </row>
        <row r="5928">
          <cell r="C5928">
            <v>1.1194</v>
          </cell>
          <cell r="AT5928">
            <v>2014</v>
          </cell>
          <cell r="AU5928">
            <v>3</v>
          </cell>
        </row>
        <row r="5929">
          <cell r="C5929">
            <v>1.1216999999999999</v>
          </cell>
          <cell r="AT5929">
            <v>2014</v>
          </cell>
          <cell r="AU5929">
            <v>3</v>
          </cell>
        </row>
        <row r="5930">
          <cell r="C5930">
            <v>1.1175999999999999</v>
          </cell>
          <cell r="AT5930">
            <v>2014</v>
          </cell>
          <cell r="AU5930">
            <v>3</v>
          </cell>
        </row>
        <row r="5931">
          <cell r="C5931">
            <v>1.1143000000000001</v>
          </cell>
          <cell r="AT5931">
            <v>2014</v>
          </cell>
          <cell r="AU5931">
            <v>3</v>
          </cell>
        </row>
        <row r="5932">
          <cell r="C5932">
            <v>1.1056999999999999</v>
          </cell>
          <cell r="AT5932">
            <v>2014</v>
          </cell>
          <cell r="AU5932">
            <v>3</v>
          </cell>
        </row>
        <row r="5933">
          <cell r="C5933">
            <v>1.1056999999999999</v>
          </cell>
          <cell r="AT5933">
            <v>2014</v>
          </cell>
          <cell r="AU5933">
            <v>3</v>
          </cell>
        </row>
        <row r="5934">
          <cell r="C5934">
            <v>1.1056999999999999</v>
          </cell>
          <cell r="AT5934">
            <v>2014</v>
          </cell>
          <cell r="AU5934">
            <v>3</v>
          </cell>
        </row>
        <row r="5935">
          <cell r="C5935">
            <v>1.1056999999999999</v>
          </cell>
          <cell r="AT5935">
            <v>2014</v>
          </cell>
          <cell r="AU5935">
            <v>3</v>
          </cell>
        </row>
        <row r="5936">
          <cell r="C5936">
            <v>1.1052999999999999</v>
          </cell>
          <cell r="AT5936">
            <v>2014</v>
          </cell>
          <cell r="AU5936">
            <v>4</v>
          </cell>
        </row>
        <row r="5937">
          <cell r="C5937">
            <v>1.1027</v>
          </cell>
          <cell r="AT5937">
            <v>2014</v>
          </cell>
          <cell r="AU5937">
            <v>4</v>
          </cell>
        </row>
        <row r="5938">
          <cell r="C5938">
            <v>1.1031</v>
          </cell>
          <cell r="AT5938">
            <v>2014</v>
          </cell>
          <cell r="AU5938">
            <v>4</v>
          </cell>
        </row>
        <row r="5939">
          <cell r="C5939">
            <v>1.1034999999999999</v>
          </cell>
          <cell r="AT5939">
            <v>2014</v>
          </cell>
          <cell r="AU5939">
            <v>4</v>
          </cell>
        </row>
        <row r="5940">
          <cell r="C5940">
            <v>1.0978000000000001</v>
          </cell>
          <cell r="AT5940">
            <v>2014</v>
          </cell>
          <cell r="AU5940">
            <v>4</v>
          </cell>
        </row>
        <row r="5941">
          <cell r="C5941">
            <v>1.0978000000000001</v>
          </cell>
          <cell r="AT5941">
            <v>2014</v>
          </cell>
          <cell r="AU5941">
            <v>4</v>
          </cell>
        </row>
        <row r="5942">
          <cell r="C5942">
            <v>1.0978000000000001</v>
          </cell>
          <cell r="AT5942">
            <v>2014</v>
          </cell>
          <cell r="AU5942">
            <v>4</v>
          </cell>
        </row>
        <row r="5943">
          <cell r="C5943">
            <v>1.0971</v>
          </cell>
          <cell r="AT5943">
            <v>2014</v>
          </cell>
          <cell r="AU5943">
            <v>4</v>
          </cell>
        </row>
        <row r="5944">
          <cell r="C5944">
            <v>1.0922000000000001</v>
          </cell>
          <cell r="AT5944">
            <v>2014</v>
          </cell>
          <cell r="AU5944">
            <v>4</v>
          </cell>
        </row>
        <row r="5945">
          <cell r="C5945">
            <v>1.0903</v>
          </cell>
          <cell r="AT5945">
            <v>2014</v>
          </cell>
          <cell r="AU5945">
            <v>4</v>
          </cell>
        </row>
        <row r="5946">
          <cell r="C5946">
            <v>1.0911999999999999</v>
          </cell>
          <cell r="AT5946">
            <v>2014</v>
          </cell>
          <cell r="AU5946">
            <v>4</v>
          </cell>
        </row>
        <row r="5947">
          <cell r="C5947">
            <v>1.0960000000000001</v>
          </cell>
          <cell r="AT5947">
            <v>2014</v>
          </cell>
          <cell r="AU5947">
            <v>4</v>
          </cell>
        </row>
        <row r="5948">
          <cell r="C5948">
            <v>1.0960000000000001</v>
          </cell>
          <cell r="AT5948">
            <v>2014</v>
          </cell>
          <cell r="AU5948">
            <v>4</v>
          </cell>
        </row>
        <row r="5949">
          <cell r="C5949">
            <v>1.0960000000000001</v>
          </cell>
          <cell r="AT5949">
            <v>2014</v>
          </cell>
          <cell r="AU5949">
            <v>4</v>
          </cell>
        </row>
        <row r="5950">
          <cell r="C5950">
            <v>1.097</v>
          </cell>
          <cell r="AT5950">
            <v>2014</v>
          </cell>
          <cell r="AU5950">
            <v>4</v>
          </cell>
        </row>
        <row r="5951">
          <cell r="C5951">
            <v>1.0981000000000001</v>
          </cell>
          <cell r="AT5951">
            <v>2014</v>
          </cell>
          <cell r="AU5951">
            <v>4</v>
          </cell>
        </row>
        <row r="5952">
          <cell r="C5952">
            <v>1.1028</v>
          </cell>
          <cell r="AT5952">
            <v>2014</v>
          </cell>
          <cell r="AU5952">
            <v>4</v>
          </cell>
        </row>
        <row r="5953">
          <cell r="C5953">
            <v>1.0998000000000001</v>
          </cell>
          <cell r="AT5953">
            <v>2014</v>
          </cell>
          <cell r="AU5953">
            <v>4</v>
          </cell>
        </row>
        <row r="5954">
          <cell r="C5954">
            <v>1.0998000000000001</v>
          </cell>
          <cell r="AT5954">
            <v>2014</v>
          </cell>
          <cell r="AU5954">
            <v>4</v>
          </cell>
        </row>
        <row r="5955">
          <cell r="C5955">
            <v>1.0998000000000001</v>
          </cell>
          <cell r="AT5955">
            <v>2014</v>
          </cell>
          <cell r="AU5955">
            <v>4</v>
          </cell>
        </row>
        <row r="5956">
          <cell r="C5956">
            <v>1.0998000000000001</v>
          </cell>
          <cell r="AT5956">
            <v>2014</v>
          </cell>
          <cell r="AU5956">
            <v>4</v>
          </cell>
        </row>
        <row r="5957">
          <cell r="C5957">
            <v>1.0998000000000001</v>
          </cell>
          <cell r="AT5957">
            <v>2014</v>
          </cell>
          <cell r="AU5957">
            <v>4</v>
          </cell>
        </row>
        <row r="5958">
          <cell r="C5958">
            <v>1.1026</v>
          </cell>
          <cell r="AT5958">
            <v>2014</v>
          </cell>
          <cell r="AU5958">
            <v>4</v>
          </cell>
        </row>
        <row r="5959">
          <cell r="C5959">
            <v>1.1032</v>
          </cell>
          <cell r="AT5959">
            <v>2014</v>
          </cell>
          <cell r="AU5959">
            <v>4</v>
          </cell>
        </row>
        <row r="5960">
          <cell r="C5960">
            <v>1.1027</v>
          </cell>
          <cell r="AT5960">
            <v>2014</v>
          </cell>
          <cell r="AU5960">
            <v>4</v>
          </cell>
        </row>
        <row r="5961">
          <cell r="C5961">
            <v>1.1042000000000001</v>
          </cell>
          <cell r="AT5961">
            <v>2014</v>
          </cell>
          <cell r="AU5961">
            <v>4</v>
          </cell>
        </row>
        <row r="5962">
          <cell r="C5962">
            <v>1.1042000000000001</v>
          </cell>
          <cell r="AT5962">
            <v>2014</v>
          </cell>
          <cell r="AU5962">
            <v>4</v>
          </cell>
        </row>
        <row r="5963">
          <cell r="C5963">
            <v>1.1042000000000001</v>
          </cell>
          <cell r="AT5963">
            <v>2014</v>
          </cell>
          <cell r="AU5963">
            <v>4</v>
          </cell>
        </row>
        <row r="5964">
          <cell r="C5964">
            <v>1.1032999999999999</v>
          </cell>
          <cell r="AT5964">
            <v>2014</v>
          </cell>
          <cell r="AU5964">
            <v>4</v>
          </cell>
        </row>
        <row r="5965">
          <cell r="C5965">
            <v>1.0963000000000001</v>
          </cell>
          <cell r="AT5965">
            <v>2014</v>
          </cell>
          <cell r="AU5965">
            <v>4</v>
          </cell>
        </row>
        <row r="5966">
          <cell r="C5966">
            <v>1.0956999999999999</v>
          </cell>
          <cell r="AT5966">
            <v>2014</v>
          </cell>
          <cell r="AU5966">
            <v>5</v>
          </cell>
        </row>
        <row r="5967">
          <cell r="C5967">
            <v>1.0956999999999999</v>
          </cell>
          <cell r="AT5967">
            <v>2014</v>
          </cell>
          <cell r="AU5967">
            <v>5</v>
          </cell>
        </row>
        <row r="5968">
          <cell r="C5968">
            <v>1.0972999999999999</v>
          </cell>
          <cell r="AT5968">
            <v>2014</v>
          </cell>
          <cell r="AU5968">
            <v>5</v>
          </cell>
        </row>
        <row r="5969">
          <cell r="C5969">
            <v>1.0972999999999999</v>
          </cell>
          <cell r="AT5969">
            <v>2014</v>
          </cell>
          <cell r="AU5969">
            <v>5</v>
          </cell>
        </row>
        <row r="5970">
          <cell r="C5970">
            <v>1.0972999999999999</v>
          </cell>
          <cell r="AT5970">
            <v>2014</v>
          </cell>
          <cell r="AU5970">
            <v>5</v>
          </cell>
        </row>
        <row r="5971">
          <cell r="C5971">
            <v>1.0954999999999999</v>
          </cell>
          <cell r="AT5971">
            <v>2014</v>
          </cell>
          <cell r="AU5971">
            <v>5</v>
          </cell>
        </row>
        <row r="5972">
          <cell r="C5972">
            <v>1.089</v>
          </cell>
          <cell r="AT5972">
            <v>2014</v>
          </cell>
          <cell r="AU5972">
            <v>5</v>
          </cell>
        </row>
        <row r="5973">
          <cell r="C5973">
            <v>1.0895999999999999</v>
          </cell>
          <cell r="AT5973">
            <v>2014</v>
          </cell>
          <cell r="AU5973">
            <v>5</v>
          </cell>
        </row>
        <row r="5974">
          <cell r="C5974">
            <v>1.0858000000000001</v>
          </cell>
          <cell r="AT5974">
            <v>2014</v>
          </cell>
          <cell r="AU5974">
            <v>5</v>
          </cell>
        </row>
        <row r="5975">
          <cell r="C5975">
            <v>1.0900000000000001</v>
          </cell>
          <cell r="AT5975">
            <v>2014</v>
          </cell>
          <cell r="AU5975">
            <v>5</v>
          </cell>
        </row>
        <row r="5976">
          <cell r="C5976">
            <v>1.0900000000000001</v>
          </cell>
          <cell r="AT5976">
            <v>2014</v>
          </cell>
          <cell r="AU5976">
            <v>5</v>
          </cell>
        </row>
        <row r="5977">
          <cell r="C5977">
            <v>1.0900000000000001</v>
          </cell>
          <cell r="AT5977">
            <v>2014</v>
          </cell>
          <cell r="AU5977">
            <v>5</v>
          </cell>
        </row>
        <row r="5978">
          <cell r="C5978">
            <v>1.0887</v>
          </cell>
          <cell r="AT5978">
            <v>2014</v>
          </cell>
          <cell r="AU5978">
            <v>5</v>
          </cell>
        </row>
        <row r="5979">
          <cell r="C5979">
            <v>1.0891999999999999</v>
          </cell>
          <cell r="AT5979">
            <v>2014</v>
          </cell>
          <cell r="AU5979">
            <v>5</v>
          </cell>
        </row>
        <row r="5980">
          <cell r="C5980">
            <v>1.0887</v>
          </cell>
          <cell r="AT5980">
            <v>2014</v>
          </cell>
          <cell r="AU5980">
            <v>5</v>
          </cell>
        </row>
        <row r="5981">
          <cell r="C5981">
            <v>1.0887</v>
          </cell>
          <cell r="AT5981">
            <v>2014</v>
          </cell>
          <cell r="AU5981">
            <v>5</v>
          </cell>
        </row>
        <row r="5982">
          <cell r="C5982">
            <v>1.0882000000000001</v>
          </cell>
          <cell r="AT5982">
            <v>2014</v>
          </cell>
          <cell r="AU5982">
            <v>5</v>
          </cell>
        </row>
        <row r="5983">
          <cell r="C5983">
            <v>1.0882000000000001</v>
          </cell>
          <cell r="AT5983">
            <v>2014</v>
          </cell>
          <cell r="AU5983">
            <v>5</v>
          </cell>
        </row>
        <row r="5984">
          <cell r="C5984">
            <v>1.0882000000000001</v>
          </cell>
          <cell r="AT5984">
            <v>2014</v>
          </cell>
          <cell r="AU5984">
            <v>5</v>
          </cell>
        </row>
        <row r="5985">
          <cell r="C5985">
            <v>1.0882000000000001</v>
          </cell>
          <cell r="AT5985">
            <v>2014</v>
          </cell>
          <cell r="AU5985">
            <v>5</v>
          </cell>
        </row>
        <row r="5986">
          <cell r="C5986">
            <v>1.0901000000000001</v>
          </cell>
          <cell r="AT5986">
            <v>2014</v>
          </cell>
          <cell r="AU5986">
            <v>5</v>
          </cell>
        </row>
        <row r="5987">
          <cell r="C5987">
            <v>1.0932999999999999</v>
          </cell>
          <cell r="AT5987">
            <v>2014</v>
          </cell>
          <cell r="AU5987">
            <v>5</v>
          </cell>
        </row>
        <row r="5988">
          <cell r="C5988">
            <v>1.0898000000000001</v>
          </cell>
          <cell r="AT5988">
            <v>2014</v>
          </cell>
          <cell r="AU5988">
            <v>5</v>
          </cell>
        </row>
        <row r="5989">
          <cell r="C5989">
            <v>1.087</v>
          </cell>
          <cell r="AT5989">
            <v>2014</v>
          </cell>
          <cell r="AU5989">
            <v>5</v>
          </cell>
        </row>
        <row r="5990">
          <cell r="C5990">
            <v>1.087</v>
          </cell>
          <cell r="AT5990">
            <v>2014</v>
          </cell>
          <cell r="AU5990">
            <v>5</v>
          </cell>
        </row>
        <row r="5991">
          <cell r="C5991">
            <v>1.087</v>
          </cell>
          <cell r="AT5991">
            <v>2014</v>
          </cell>
          <cell r="AU5991">
            <v>5</v>
          </cell>
        </row>
        <row r="5992">
          <cell r="C5992">
            <v>1.087</v>
          </cell>
          <cell r="AT5992">
            <v>2014</v>
          </cell>
          <cell r="AU5992">
            <v>5</v>
          </cell>
        </row>
        <row r="5993">
          <cell r="C5993">
            <v>1.0869</v>
          </cell>
          <cell r="AT5993">
            <v>2014</v>
          </cell>
          <cell r="AU5993">
            <v>5</v>
          </cell>
        </row>
        <row r="5994">
          <cell r="C5994">
            <v>1.0867</v>
          </cell>
          <cell r="AT5994">
            <v>2014</v>
          </cell>
          <cell r="AU5994">
            <v>5</v>
          </cell>
        </row>
        <row r="5995">
          <cell r="C5995">
            <v>1.0837000000000001</v>
          </cell>
          <cell r="AT5995">
            <v>2014</v>
          </cell>
          <cell r="AU5995">
            <v>5</v>
          </cell>
        </row>
        <row r="5996">
          <cell r="C5996">
            <v>1.0867</v>
          </cell>
          <cell r="AT5996">
            <v>2014</v>
          </cell>
          <cell r="AU5996">
            <v>5</v>
          </cell>
        </row>
        <row r="5997">
          <cell r="C5997">
            <v>1.0867</v>
          </cell>
          <cell r="AT5997">
            <v>2014</v>
          </cell>
          <cell r="AU5997">
            <v>6</v>
          </cell>
        </row>
        <row r="5998">
          <cell r="C5998">
            <v>1.0867</v>
          </cell>
          <cell r="AT5998">
            <v>2014</v>
          </cell>
          <cell r="AU5998">
            <v>6</v>
          </cell>
        </row>
        <row r="5999">
          <cell r="C5999">
            <v>1.0867</v>
          </cell>
          <cell r="AT5999">
            <v>2014</v>
          </cell>
          <cell r="AU5999">
            <v>6</v>
          </cell>
        </row>
        <row r="6000">
          <cell r="C6000">
            <v>1.0914999999999999</v>
          </cell>
          <cell r="AT6000">
            <v>2014</v>
          </cell>
          <cell r="AU6000">
            <v>6</v>
          </cell>
        </row>
        <row r="6001">
          <cell r="C6001">
            <v>1.0914999999999999</v>
          </cell>
          <cell r="AT6001">
            <v>2014</v>
          </cell>
          <cell r="AU6001">
            <v>6</v>
          </cell>
        </row>
        <row r="6002">
          <cell r="C6002">
            <v>1.0933999999999999</v>
          </cell>
          <cell r="AT6002">
            <v>2014</v>
          </cell>
          <cell r="AU6002">
            <v>6</v>
          </cell>
        </row>
        <row r="6003">
          <cell r="C6003">
            <v>1.0935999999999999</v>
          </cell>
          <cell r="AT6003">
            <v>2014</v>
          </cell>
          <cell r="AU6003">
            <v>6</v>
          </cell>
        </row>
        <row r="6004">
          <cell r="C6004">
            <v>1.0935999999999999</v>
          </cell>
          <cell r="AT6004">
            <v>2014</v>
          </cell>
          <cell r="AU6004">
            <v>6</v>
          </cell>
        </row>
        <row r="6005">
          <cell r="C6005">
            <v>1.0935999999999999</v>
          </cell>
          <cell r="AT6005">
            <v>2014</v>
          </cell>
          <cell r="AU6005">
            <v>6</v>
          </cell>
        </row>
        <row r="6006">
          <cell r="C6006">
            <v>1.091</v>
          </cell>
          <cell r="AT6006">
            <v>2014</v>
          </cell>
          <cell r="AU6006">
            <v>6</v>
          </cell>
        </row>
        <row r="6007">
          <cell r="C6007">
            <v>1.0914999999999999</v>
          </cell>
          <cell r="AT6007">
            <v>2014</v>
          </cell>
          <cell r="AU6007">
            <v>6</v>
          </cell>
        </row>
        <row r="6008">
          <cell r="C6008">
            <v>1.0867</v>
          </cell>
          <cell r="AT6008">
            <v>2014</v>
          </cell>
          <cell r="AU6008">
            <v>6</v>
          </cell>
        </row>
        <row r="6009">
          <cell r="C6009">
            <v>1.0851</v>
          </cell>
          <cell r="AT6009">
            <v>2014</v>
          </cell>
          <cell r="AU6009">
            <v>6</v>
          </cell>
        </row>
        <row r="6010">
          <cell r="C6010">
            <v>1.0868</v>
          </cell>
          <cell r="AT6010">
            <v>2014</v>
          </cell>
          <cell r="AU6010">
            <v>6</v>
          </cell>
        </row>
        <row r="6011">
          <cell r="C6011">
            <v>1.0868</v>
          </cell>
          <cell r="AT6011">
            <v>2014</v>
          </cell>
          <cell r="AU6011">
            <v>6</v>
          </cell>
        </row>
        <row r="6012">
          <cell r="C6012">
            <v>1.0868</v>
          </cell>
          <cell r="AT6012">
            <v>2014</v>
          </cell>
          <cell r="AU6012">
            <v>6</v>
          </cell>
        </row>
        <row r="6013">
          <cell r="C6013">
            <v>1.085</v>
          </cell>
          <cell r="AT6013">
            <v>2014</v>
          </cell>
          <cell r="AU6013">
            <v>6</v>
          </cell>
        </row>
        <row r="6014">
          <cell r="C6014">
            <v>1.0851999999999999</v>
          </cell>
          <cell r="AT6014">
            <v>2014</v>
          </cell>
          <cell r="AU6014">
            <v>6</v>
          </cell>
        </row>
        <row r="6015">
          <cell r="C6015">
            <v>1.087</v>
          </cell>
          <cell r="AT6015">
            <v>2014</v>
          </cell>
          <cell r="AU6015">
            <v>6</v>
          </cell>
        </row>
        <row r="6016">
          <cell r="C6016">
            <v>1.0828</v>
          </cell>
          <cell r="AT6016">
            <v>2014</v>
          </cell>
          <cell r="AU6016">
            <v>6</v>
          </cell>
        </row>
        <row r="6017">
          <cell r="C6017">
            <v>1.0766</v>
          </cell>
          <cell r="AT6017">
            <v>2014</v>
          </cell>
          <cell r="AU6017">
            <v>6</v>
          </cell>
        </row>
        <row r="6018">
          <cell r="C6018">
            <v>1.0766</v>
          </cell>
          <cell r="AT6018">
            <v>2014</v>
          </cell>
          <cell r="AU6018">
            <v>6</v>
          </cell>
        </row>
        <row r="6019">
          <cell r="C6019">
            <v>1.0766</v>
          </cell>
          <cell r="AT6019">
            <v>2014</v>
          </cell>
          <cell r="AU6019">
            <v>6</v>
          </cell>
        </row>
        <row r="6020">
          <cell r="C6020">
            <v>1.0730999999999999</v>
          </cell>
          <cell r="AT6020">
            <v>2014</v>
          </cell>
          <cell r="AU6020">
            <v>6</v>
          </cell>
        </row>
        <row r="6021">
          <cell r="C6021">
            <v>1.0740000000000001</v>
          </cell>
          <cell r="AT6021">
            <v>2014</v>
          </cell>
          <cell r="AU6021">
            <v>6</v>
          </cell>
        </row>
        <row r="6022">
          <cell r="C6022">
            <v>1.0721000000000001</v>
          </cell>
          <cell r="AT6022">
            <v>2014</v>
          </cell>
          <cell r="AU6022">
            <v>6</v>
          </cell>
        </row>
        <row r="6023">
          <cell r="C6023">
            <v>1.0707</v>
          </cell>
          <cell r="AT6023">
            <v>2014</v>
          </cell>
          <cell r="AU6023">
            <v>6</v>
          </cell>
        </row>
        <row r="6024">
          <cell r="C6024">
            <v>1.0676000000000001</v>
          </cell>
          <cell r="AT6024">
            <v>2014</v>
          </cell>
          <cell r="AU6024">
            <v>6</v>
          </cell>
        </row>
        <row r="6025">
          <cell r="C6025">
            <v>1.0676000000000001</v>
          </cell>
          <cell r="AT6025">
            <v>2014</v>
          </cell>
          <cell r="AU6025">
            <v>6</v>
          </cell>
        </row>
        <row r="6026">
          <cell r="C6026">
            <v>1.0676000000000001</v>
          </cell>
          <cell r="AT6026">
            <v>2014</v>
          </cell>
          <cell r="AU6026">
            <v>6</v>
          </cell>
        </row>
        <row r="6027">
          <cell r="C6027">
            <v>1.0676000000000001</v>
          </cell>
          <cell r="AT6027">
            <v>2014</v>
          </cell>
          <cell r="AU6027">
            <v>7</v>
          </cell>
        </row>
        <row r="6028">
          <cell r="C6028">
            <v>1.0676000000000001</v>
          </cell>
          <cell r="AT6028">
            <v>2014</v>
          </cell>
          <cell r="AU6028">
            <v>7</v>
          </cell>
        </row>
        <row r="6029">
          <cell r="C6029">
            <v>1.0667</v>
          </cell>
          <cell r="AT6029">
            <v>2014</v>
          </cell>
          <cell r="AU6029">
            <v>7</v>
          </cell>
        </row>
        <row r="6030">
          <cell r="C6030">
            <v>1.0633999999999999</v>
          </cell>
          <cell r="AT6030">
            <v>2014</v>
          </cell>
          <cell r="AU6030">
            <v>7</v>
          </cell>
        </row>
        <row r="6031">
          <cell r="C6031">
            <v>1.0639000000000001</v>
          </cell>
          <cell r="AT6031">
            <v>2014</v>
          </cell>
          <cell r="AU6031">
            <v>7</v>
          </cell>
        </row>
        <row r="6032">
          <cell r="C6032">
            <v>1.0639000000000001</v>
          </cell>
          <cell r="AT6032">
            <v>2014</v>
          </cell>
          <cell r="AU6032">
            <v>7</v>
          </cell>
        </row>
        <row r="6033">
          <cell r="C6033">
            <v>1.0639000000000001</v>
          </cell>
          <cell r="AT6033">
            <v>2014</v>
          </cell>
          <cell r="AU6033">
            <v>7</v>
          </cell>
        </row>
        <row r="6034">
          <cell r="C6034">
            <v>1.0662</v>
          </cell>
          <cell r="AT6034">
            <v>2014</v>
          </cell>
          <cell r="AU6034">
            <v>7</v>
          </cell>
        </row>
        <row r="6035">
          <cell r="C6035">
            <v>1.0673999999999999</v>
          </cell>
          <cell r="AT6035">
            <v>2014</v>
          </cell>
          <cell r="AU6035">
            <v>7</v>
          </cell>
        </row>
        <row r="6036">
          <cell r="C6036">
            <v>1.0649999999999999</v>
          </cell>
          <cell r="AT6036">
            <v>2014</v>
          </cell>
          <cell r="AU6036">
            <v>7</v>
          </cell>
        </row>
        <row r="6037">
          <cell r="C6037">
            <v>1.0658000000000001</v>
          </cell>
          <cell r="AT6037">
            <v>2014</v>
          </cell>
          <cell r="AU6037">
            <v>7</v>
          </cell>
        </row>
        <row r="6038">
          <cell r="C6038">
            <v>1.0720000000000001</v>
          </cell>
          <cell r="AT6038">
            <v>2014</v>
          </cell>
          <cell r="AU6038">
            <v>7</v>
          </cell>
        </row>
        <row r="6039">
          <cell r="C6039">
            <v>1.0720000000000001</v>
          </cell>
          <cell r="AT6039">
            <v>2014</v>
          </cell>
          <cell r="AU6039">
            <v>7</v>
          </cell>
        </row>
        <row r="6040">
          <cell r="C6040">
            <v>1.0720000000000001</v>
          </cell>
          <cell r="AT6040">
            <v>2014</v>
          </cell>
          <cell r="AU6040">
            <v>7</v>
          </cell>
        </row>
        <row r="6041">
          <cell r="C6041">
            <v>1.0722</v>
          </cell>
          <cell r="AT6041">
            <v>2014</v>
          </cell>
          <cell r="AU6041">
            <v>7</v>
          </cell>
        </row>
        <row r="6042">
          <cell r="C6042">
            <v>1.0722</v>
          </cell>
          <cell r="AT6042">
            <v>2014</v>
          </cell>
          <cell r="AU6042">
            <v>7</v>
          </cell>
        </row>
        <row r="6043">
          <cell r="C6043">
            <v>1.075</v>
          </cell>
          <cell r="AT6043">
            <v>2014</v>
          </cell>
          <cell r="AU6043">
            <v>7</v>
          </cell>
        </row>
        <row r="6044">
          <cell r="C6044">
            <v>1.0752999999999999</v>
          </cell>
          <cell r="AT6044">
            <v>2014</v>
          </cell>
          <cell r="AU6044">
            <v>7</v>
          </cell>
        </row>
        <row r="6045">
          <cell r="C6045">
            <v>1.0737000000000001</v>
          </cell>
          <cell r="AT6045">
            <v>2014</v>
          </cell>
          <cell r="AU6045">
            <v>7</v>
          </cell>
        </row>
        <row r="6046">
          <cell r="C6046">
            <v>1.0737000000000001</v>
          </cell>
          <cell r="AT6046">
            <v>2014</v>
          </cell>
          <cell r="AU6046">
            <v>7</v>
          </cell>
        </row>
        <row r="6047">
          <cell r="C6047">
            <v>1.0737000000000001</v>
          </cell>
          <cell r="AT6047">
            <v>2014</v>
          </cell>
          <cell r="AU6047">
            <v>7</v>
          </cell>
        </row>
        <row r="6048">
          <cell r="C6048">
            <v>1.0737000000000001</v>
          </cell>
          <cell r="AT6048">
            <v>2014</v>
          </cell>
          <cell r="AU6048">
            <v>7</v>
          </cell>
        </row>
        <row r="6049">
          <cell r="C6049">
            <v>1.0745</v>
          </cell>
          <cell r="AT6049">
            <v>2014</v>
          </cell>
          <cell r="AU6049">
            <v>7</v>
          </cell>
        </row>
        <row r="6050">
          <cell r="C6050">
            <v>1.0741000000000001</v>
          </cell>
          <cell r="AT6050">
            <v>2014</v>
          </cell>
          <cell r="AU6050">
            <v>7</v>
          </cell>
        </row>
        <row r="6051">
          <cell r="C6051">
            <v>1.0742</v>
          </cell>
          <cell r="AT6051">
            <v>2014</v>
          </cell>
          <cell r="AU6051">
            <v>7</v>
          </cell>
        </row>
        <row r="6052">
          <cell r="C6052">
            <v>1.0813999999999999</v>
          </cell>
          <cell r="AT6052">
            <v>2014</v>
          </cell>
          <cell r="AU6052">
            <v>7</v>
          </cell>
        </row>
        <row r="6053">
          <cell r="C6053">
            <v>1.0813999999999999</v>
          </cell>
          <cell r="AT6053">
            <v>2014</v>
          </cell>
          <cell r="AU6053">
            <v>7</v>
          </cell>
        </row>
        <row r="6054">
          <cell r="C6054">
            <v>1.0813999999999999</v>
          </cell>
          <cell r="AT6054">
            <v>2014</v>
          </cell>
          <cell r="AU6054">
            <v>7</v>
          </cell>
        </row>
        <row r="6055">
          <cell r="C6055">
            <v>1.0801000000000001</v>
          </cell>
          <cell r="AT6055">
            <v>2014</v>
          </cell>
          <cell r="AU6055">
            <v>7</v>
          </cell>
        </row>
        <row r="6056">
          <cell r="C6056">
            <v>1.0851</v>
          </cell>
          <cell r="AT6056">
            <v>2014</v>
          </cell>
          <cell r="AU6056">
            <v>7</v>
          </cell>
        </row>
        <row r="6057">
          <cell r="C6057">
            <v>1.0909</v>
          </cell>
          <cell r="AT6057">
            <v>2014</v>
          </cell>
          <cell r="AU6057">
            <v>7</v>
          </cell>
        </row>
        <row r="6058">
          <cell r="C6058">
            <v>1.089</v>
          </cell>
          <cell r="AT6058">
            <v>2014</v>
          </cell>
          <cell r="AU6058">
            <v>8</v>
          </cell>
        </row>
        <row r="6059">
          <cell r="C6059">
            <v>1.0919000000000001</v>
          </cell>
          <cell r="AT6059">
            <v>2014</v>
          </cell>
          <cell r="AU6059">
            <v>8</v>
          </cell>
        </row>
        <row r="6060">
          <cell r="C6060">
            <v>1.0919000000000001</v>
          </cell>
          <cell r="AT6060">
            <v>2014</v>
          </cell>
          <cell r="AU6060">
            <v>8</v>
          </cell>
        </row>
        <row r="6061">
          <cell r="C6061">
            <v>1.0919000000000001</v>
          </cell>
          <cell r="AT6061">
            <v>2014</v>
          </cell>
          <cell r="AU6061">
            <v>8</v>
          </cell>
        </row>
        <row r="6062">
          <cell r="C6062">
            <v>1.0919000000000001</v>
          </cell>
          <cell r="AT6062">
            <v>2014</v>
          </cell>
          <cell r="AU6062">
            <v>8</v>
          </cell>
        </row>
        <row r="6063">
          <cell r="C6063">
            <v>1.0919000000000001</v>
          </cell>
          <cell r="AT6063">
            <v>2014</v>
          </cell>
          <cell r="AU6063">
            <v>8</v>
          </cell>
        </row>
        <row r="6064">
          <cell r="C6064">
            <v>1.0926</v>
          </cell>
          <cell r="AT6064">
            <v>2014</v>
          </cell>
          <cell r="AU6064">
            <v>8</v>
          </cell>
        </row>
        <row r="6065">
          <cell r="C6065">
            <v>1.0922000000000001</v>
          </cell>
          <cell r="AT6065">
            <v>2014</v>
          </cell>
          <cell r="AU6065">
            <v>8</v>
          </cell>
        </row>
        <row r="6066">
          <cell r="C6066">
            <v>1.0982000000000001</v>
          </cell>
          <cell r="AT6066">
            <v>2014</v>
          </cell>
          <cell r="AU6066">
            <v>8</v>
          </cell>
        </row>
        <row r="6067">
          <cell r="C6067">
            <v>1.0982000000000001</v>
          </cell>
          <cell r="AT6067">
            <v>2014</v>
          </cell>
          <cell r="AU6067">
            <v>8</v>
          </cell>
        </row>
        <row r="6068">
          <cell r="C6068">
            <v>1.0982000000000001</v>
          </cell>
          <cell r="AT6068">
            <v>2014</v>
          </cell>
          <cell r="AU6068">
            <v>8</v>
          </cell>
        </row>
        <row r="6069">
          <cell r="C6069">
            <v>1.0934999999999999</v>
          </cell>
          <cell r="AT6069">
            <v>2014</v>
          </cell>
          <cell r="AU6069">
            <v>8</v>
          </cell>
        </row>
        <row r="6070">
          <cell r="C6070">
            <v>1.0944</v>
          </cell>
          <cell r="AT6070">
            <v>2014</v>
          </cell>
          <cell r="AU6070">
            <v>8</v>
          </cell>
        </row>
        <row r="6071">
          <cell r="C6071">
            <v>1.0929</v>
          </cell>
          <cell r="AT6071">
            <v>2014</v>
          </cell>
          <cell r="AU6071">
            <v>8</v>
          </cell>
        </row>
        <row r="6072">
          <cell r="C6072">
            <v>1.0911</v>
          </cell>
          <cell r="AT6072">
            <v>2014</v>
          </cell>
          <cell r="AU6072">
            <v>8</v>
          </cell>
        </row>
        <row r="6073">
          <cell r="C6073">
            <v>1.091</v>
          </cell>
          <cell r="AT6073">
            <v>2014</v>
          </cell>
          <cell r="AU6073">
            <v>8</v>
          </cell>
        </row>
        <row r="6074">
          <cell r="C6074">
            <v>1.091</v>
          </cell>
          <cell r="AT6074">
            <v>2014</v>
          </cell>
          <cell r="AU6074">
            <v>8</v>
          </cell>
        </row>
        <row r="6075">
          <cell r="C6075">
            <v>1.091</v>
          </cell>
          <cell r="AT6075">
            <v>2014</v>
          </cell>
          <cell r="AU6075">
            <v>8</v>
          </cell>
        </row>
        <row r="6076">
          <cell r="C6076">
            <v>1.0889</v>
          </cell>
          <cell r="AT6076">
            <v>2014</v>
          </cell>
          <cell r="AU6076">
            <v>8</v>
          </cell>
        </row>
        <row r="6077">
          <cell r="C6077">
            <v>1.0929</v>
          </cell>
          <cell r="AT6077">
            <v>2014</v>
          </cell>
          <cell r="AU6077">
            <v>8</v>
          </cell>
        </row>
        <row r="6078">
          <cell r="C6078">
            <v>1.0944</v>
          </cell>
          <cell r="AT6078">
            <v>2014</v>
          </cell>
          <cell r="AU6078">
            <v>8</v>
          </cell>
        </row>
        <row r="6079">
          <cell r="C6079">
            <v>1.0948</v>
          </cell>
          <cell r="AT6079">
            <v>2014</v>
          </cell>
          <cell r="AU6079">
            <v>8</v>
          </cell>
        </row>
        <row r="6080">
          <cell r="C6080">
            <v>1.095</v>
          </cell>
          <cell r="AT6080">
            <v>2014</v>
          </cell>
          <cell r="AU6080">
            <v>8</v>
          </cell>
        </row>
        <row r="6081">
          <cell r="C6081">
            <v>1.095</v>
          </cell>
          <cell r="AT6081">
            <v>2014</v>
          </cell>
          <cell r="AU6081">
            <v>8</v>
          </cell>
        </row>
        <row r="6082">
          <cell r="C6082">
            <v>1.095</v>
          </cell>
          <cell r="AT6082">
            <v>2014</v>
          </cell>
          <cell r="AU6082">
            <v>8</v>
          </cell>
        </row>
        <row r="6083">
          <cell r="C6083">
            <v>1.0980000000000001</v>
          </cell>
          <cell r="AT6083">
            <v>2014</v>
          </cell>
          <cell r="AU6083">
            <v>8</v>
          </cell>
        </row>
        <row r="6084">
          <cell r="C6084">
            <v>1.0951</v>
          </cell>
          <cell r="AT6084">
            <v>2014</v>
          </cell>
          <cell r="AU6084">
            <v>8</v>
          </cell>
        </row>
        <row r="6085">
          <cell r="C6085">
            <v>1.0891</v>
          </cell>
          <cell r="AT6085">
            <v>2014</v>
          </cell>
          <cell r="AU6085">
            <v>8</v>
          </cell>
        </row>
        <row r="6086">
          <cell r="C6086">
            <v>1.0857000000000001</v>
          </cell>
          <cell r="AT6086">
            <v>2014</v>
          </cell>
          <cell r="AU6086">
            <v>8</v>
          </cell>
        </row>
        <row r="6087">
          <cell r="C6087">
            <v>1.0858000000000001</v>
          </cell>
          <cell r="AT6087">
            <v>2014</v>
          </cell>
          <cell r="AU6087">
            <v>8</v>
          </cell>
        </row>
        <row r="6088">
          <cell r="C6088">
            <v>1.0858000000000001</v>
          </cell>
          <cell r="AT6088">
            <v>2014</v>
          </cell>
          <cell r="AU6088">
            <v>8</v>
          </cell>
        </row>
        <row r="6089">
          <cell r="C6089">
            <v>1.0858000000000001</v>
          </cell>
          <cell r="AT6089">
            <v>2014</v>
          </cell>
          <cell r="AU6089">
            <v>9</v>
          </cell>
        </row>
        <row r="6090">
          <cell r="C6090">
            <v>1.0858000000000001</v>
          </cell>
          <cell r="AT6090">
            <v>2014</v>
          </cell>
          <cell r="AU6090">
            <v>9</v>
          </cell>
        </row>
        <row r="6091">
          <cell r="C6091">
            <v>1.0858000000000001</v>
          </cell>
          <cell r="AT6091">
            <v>2014</v>
          </cell>
          <cell r="AU6091">
            <v>9</v>
          </cell>
        </row>
        <row r="6092">
          <cell r="C6092">
            <v>1.0872999999999999</v>
          </cell>
          <cell r="AT6092">
            <v>2014</v>
          </cell>
          <cell r="AU6092">
            <v>9</v>
          </cell>
        </row>
        <row r="6093">
          <cell r="C6093">
            <v>1.0863</v>
          </cell>
          <cell r="AT6093">
            <v>2014</v>
          </cell>
          <cell r="AU6093">
            <v>9</v>
          </cell>
        </row>
        <row r="6094">
          <cell r="C6094">
            <v>1.089</v>
          </cell>
          <cell r="AT6094">
            <v>2014</v>
          </cell>
          <cell r="AU6094">
            <v>9</v>
          </cell>
        </row>
        <row r="6095">
          <cell r="C6095">
            <v>1.089</v>
          </cell>
          <cell r="AT6095">
            <v>2014</v>
          </cell>
          <cell r="AU6095">
            <v>9</v>
          </cell>
        </row>
        <row r="6096">
          <cell r="C6096">
            <v>1.089</v>
          </cell>
          <cell r="AT6096">
            <v>2014</v>
          </cell>
          <cell r="AU6096">
            <v>9</v>
          </cell>
        </row>
        <row r="6097">
          <cell r="C6097">
            <v>1.0932999999999999</v>
          </cell>
          <cell r="AT6097">
            <v>2014</v>
          </cell>
          <cell r="AU6097">
            <v>9</v>
          </cell>
        </row>
        <row r="6098">
          <cell r="C6098">
            <v>1.1012</v>
          </cell>
          <cell r="AT6098">
            <v>2014</v>
          </cell>
          <cell r="AU6098">
            <v>9</v>
          </cell>
        </row>
        <row r="6099">
          <cell r="C6099">
            <v>1.0954999999999999</v>
          </cell>
          <cell r="AT6099">
            <v>2014</v>
          </cell>
          <cell r="AU6099">
            <v>9</v>
          </cell>
        </row>
        <row r="6100">
          <cell r="C6100">
            <v>1.1032</v>
          </cell>
          <cell r="AT6100">
            <v>2014</v>
          </cell>
          <cell r="AU6100">
            <v>9</v>
          </cell>
        </row>
        <row r="6101">
          <cell r="C6101">
            <v>1.1075999999999999</v>
          </cell>
          <cell r="AT6101">
            <v>2014</v>
          </cell>
          <cell r="AU6101">
            <v>9</v>
          </cell>
        </row>
        <row r="6102">
          <cell r="C6102">
            <v>1.1075999999999999</v>
          </cell>
          <cell r="AT6102">
            <v>2014</v>
          </cell>
          <cell r="AU6102">
            <v>9</v>
          </cell>
        </row>
        <row r="6103">
          <cell r="C6103">
            <v>1.1075999999999999</v>
          </cell>
          <cell r="AT6103">
            <v>2014</v>
          </cell>
          <cell r="AU6103">
            <v>9</v>
          </cell>
        </row>
        <row r="6104">
          <cell r="C6104">
            <v>1.1051</v>
          </cell>
          <cell r="AT6104">
            <v>2014</v>
          </cell>
          <cell r="AU6104">
            <v>9</v>
          </cell>
        </row>
        <row r="6105">
          <cell r="C6105">
            <v>1.099</v>
          </cell>
          <cell r="AT6105">
            <v>2014</v>
          </cell>
          <cell r="AU6105">
            <v>9</v>
          </cell>
        </row>
        <row r="6106">
          <cell r="C6106">
            <v>1.0952</v>
          </cell>
          <cell r="AT6106">
            <v>2014</v>
          </cell>
          <cell r="AU6106">
            <v>9</v>
          </cell>
        </row>
        <row r="6107">
          <cell r="C6107">
            <v>1.0946</v>
          </cell>
          <cell r="AT6107">
            <v>2014</v>
          </cell>
          <cell r="AU6107">
            <v>9</v>
          </cell>
        </row>
        <row r="6108">
          <cell r="C6108">
            <v>1.0969</v>
          </cell>
          <cell r="AT6108">
            <v>2014</v>
          </cell>
          <cell r="AU6108">
            <v>9</v>
          </cell>
        </row>
        <row r="6109">
          <cell r="C6109">
            <v>1.0969</v>
          </cell>
          <cell r="AT6109">
            <v>2014</v>
          </cell>
          <cell r="AU6109">
            <v>9</v>
          </cell>
        </row>
        <row r="6110">
          <cell r="C6110">
            <v>1.0969</v>
          </cell>
          <cell r="AT6110">
            <v>2014</v>
          </cell>
          <cell r="AU6110">
            <v>9</v>
          </cell>
        </row>
        <row r="6111">
          <cell r="C6111">
            <v>1.1008</v>
          </cell>
          <cell r="AT6111">
            <v>2014</v>
          </cell>
          <cell r="AU6111">
            <v>9</v>
          </cell>
        </row>
        <row r="6112">
          <cell r="C6112">
            <v>1.1060000000000001</v>
          </cell>
          <cell r="AT6112">
            <v>2014</v>
          </cell>
          <cell r="AU6112">
            <v>9</v>
          </cell>
        </row>
        <row r="6113">
          <cell r="C6113">
            <v>1.109</v>
          </cell>
          <cell r="AT6113">
            <v>2014</v>
          </cell>
          <cell r="AU6113">
            <v>9</v>
          </cell>
        </row>
        <row r="6114">
          <cell r="C6114">
            <v>1.1106</v>
          </cell>
          <cell r="AT6114">
            <v>2014</v>
          </cell>
          <cell r="AU6114">
            <v>9</v>
          </cell>
        </row>
        <row r="6115">
          <cell r="C6115">
            <v>1.1164000000000001</v>
          </cell>
          <cell r="AT6115">
            <v>2014</v>
          </cell>
          <cell r="AU6115">
            <v>9</v>
          </cell>
        </row>
        <row r="6116">
          <cell r="C6116">
            <v>1.1164000000000001</v>
          </cell>
          <cell r="AT6116">
            <v>2014</v>
          </cell>
          <cell r="AU6116">
            <v>9</v>
          </cell>
        </row>
        <row r="6117">
          <cell r="C6117">
            <v>1.1164000000000001</v>
          </cell>
          <cell r="AT6117">
            <v>2014</v>
          </cell>
          <cell r="AU6117">
            <v>9</v>
          </cell>
        </row>
        <row r="6118">
          <cell r="C6118">
            <v>1.1145</v>
          </cell>
          <cell r="AT6118">
            <v>2014</v>
          </cell>
          <cell r="AU6118">
            <v>9</v>
          </cell>
        </row>
        <row r="6119">
          <cell r="C6119">
            <v>1.1208</v>
          </cell>
          <cell r="AT6119">
            <v>2014</v>
          </cell>
          <cell r="AU6119">
            <v>10</v>
          </cell>
        </row>
        <row r="6120">
          <cell r="C6120">
            <v>1.1171</v>
          </cell>
          <cell r="AT6120">
            <v>2014</v>
          </cell>
          <cell r="AU6120">
            <v>10</v>
          </cell>
        </row>
        <row r="6121">
          <cell r="C6121">
            <v>1.1151</v>
          </cell>
          <cell r="AT6121">
            <v>2014</v>
          </cell>
          <cell r="AU6121">
            <v>10</v>
          </cell>
        </row>
        <row r="6122">
          <cell r="C6122">
            <v>1.1255999999999999</v>
          </cell>
          <cell r="AT6122">
            <v>2014</v>
          </cell>
          <cell r="AU6122">
            <v>10</v>
          </cell>
        </row>
        <row r="6123">
          <cell r="C6123">
            <v>1.1255999999999999</v>
          </cell>
          <cell r="AT6123">
            <v>2014</v>
          </cell>
          <cell r="AU6123">
            <v>10</v>
          </cell>
        </row>
        <row r="6124">
          <cell r="C6124">
            <v>1.1255999999999999</v>
          </cell>
          <cell r="AT6124">
            <v>2014</v>
          </cell>
          <cell r="AU6124">
            <v>10</v>
          </cell>
        </row>
        <row r="6125">
          <cell r="C6125">
            <v>1.1174999999999999</v>
          </cell>
          <cell r="AT6125">
            <v>2014</v>
          </cell>
          <cell r="AU6125">
            <v>10</v>
          </cell>
        </row>
        <row r="6126">
          <cell r="C6126">
            <v>1.1174999999999999</v>
          </cell>
          <cell r="AT6126">
            <v>2014</v>
          </cell>
          <cell r="AU6126">
            <v>10</v>
          </cell>
        </row>
        <row r="6127">
          <cell r="C6127">
            <v>1.1182000000000001</v>
          </cell>
          <cell r="AT6127">
            <v>2014</v>
          </cell>
          <cell r="AU6127">
            <v>10</v>
          </cell>
        </row>
        <row r="6128">
          <cell r="C6128">
            <v>1.1149</v>
          </cell>
          <cell r="AT6128">
            <v>2014</v>
          </cell>
          <cell r="AU6128">
            <v>10</v>
          </cell>
        </row>
        <row r="6129">
          <cell r="C6129">
            <v>1.1176999999999999</v>
          </cell>
          <cell r="AT6129">
            <v>2014</v>
          </cell>
          <cell r="AU6129">
            <v>10</v>
          </cell>
        </row>
        <row r="6130">
          <cell r="C6130">
            <v>1.1176999999999999</v>
          </cell>
          <cell r="AT6130">
            <v>2014</v>
          </cell>
          <cell r="AU6130">
            <v>10</v>
          </cell>
        </row>
        <row r="6131">
          <cell r="C6131">
            <v>1.1176999999999999</v>
          </cell>
          <cell r="AT6131">
            <v>2014</v>
          </cell>
          <cell r="AU6131">
            <v>10</v>
          </cell>
        </row>
        <row r="6132">
          <cell r="C6132">
            <v>1.1176999999999999</v>
          </cell>
          <cell r="AT6132">
            <v>2014</v>
          </cell>
          <cell r="AU6132">
            <v>10</v>
          </cell>
        </row>
        <row r="6133">
          <cell r="C6133">
            <v>1.1235999999999999</v>
          </cell>
          <cell r="AT6133">
            <v>2014</v>
          </cell>
          <cell r="AU6133">
            <v>10</v>
          </cell>
        </row>
        <row r="6134">
          <cell r="C6134">
            <v>1.1289</v>
          </cell>
          <cell r="AT6134">
            <v>2014</v>
          </cell>
          <cell r="AU6134">
            <v>10</v>
          </cell>
        </row>
        <row r="6135">
          <cell r="C6135">
            <v>1.1266</v>
          </cell>
          <cell r="AT6135">
            <v>2014</v>
          </cell>
          <cell r="AU6135">
            <v>10</v>
          </cell>
        </row>
        <row r="6136">
          <cell r="C6136">
            <v>1.1248</v>
          </cell>
          <cell r="AT6136">
            <v>2014</v>
          </cell>
          <cell r="AU6136">
            <v>10</v>
          </cell>
        </row>
        <row r="6137">
          <cell r="C6137">
            <v>1.1248</v>
          </cell>
          <cell r="AT6137">
            <v>2014</v>
          </cell>
          <cell r="AU6137">
            <v>10</v>
          </cell>
        </row>
        <row r="6138">
          <cell r="C6138">
            <v>1.1248</v>
          </cell>
          <cell r="AT6138">
            <v>2014</v>
          </cell>
          <cell r="AU6138">
            <v>10</v>
          </cell>
        </row>
        <row r="6139">
          <cell r="C6139">
            <v>1.1276999999999999</v>
          </cell>
          <cell r="AT6139">
            <v>2014</v>
          </cell>
          <cell r="AU6139">
            <v>10</v>
          </cell>
        </row>
        <row r="6140">
          <cell r="C6140">
            <v>1.1276999999999999</v>
          </cell>
          <cell r="AT6140">
            <v>2014</v>
          </cell>
          <cell r="AU6140">
            <v>10</v>
          </cell>
        </row>
        <row r="6141">
          <cell r="C6141">
            <v>1.1218999999999999</v>
          </cell>
          <cell r="AT6141">
            <v>2014</v>
          </cell>
          <cell r="AU6141">
            <v>10</v>
          </cell>
        </row>
        <row r="6142">
          <cell r="C6142">
            <v>1.1236999999999999</v>
          </cell>
          <cell r="AT6142">
            <v>2014</v>
          </cell>
          <cell r="AU6142">
            <v>10</v>
          </cell>
        </row>
        <row r="6143">
          <cell r="C6143">
            <v>1.1213</v>
          </cell>
          <cell r="AT6143">
            <v>2014</v>
          </cell>
          <cell r="AU6143">
            <v>10</v>
          </cell>
        </row>
        <row r="6144">
          <cell r="C6144">
            <v>1.1213</v>
          </cell>
          <cell r="AT6144">
            <v>2014</v>
          </cell>
          <cell r="AU6144">
            <v>10</v>
          </cell>
        </row>
        <row r="6145">
          <cell r="C6145">
            <v>1.1213</v>
          </cell>
          <cell r="AT6145">
            <v>2014</v>
          </cell>
          <cell r="AU6145">
            <v>10</v>
          </cell>
        </row>
        <row r="6146">
          <cell r="C6146">
            <v>1.1247</v>
          </cell>
          <cell r="AT6146">
            <v>2014</v>
          </cell>
          <cell r="AU6146">
            <v>10</v>
          </cell>
        </row>
        <row r="6147">
          <cell r="C6147">
            <v>1.1247</v>
          </cell>
          <cell r="AT6147">
            <v>2014</v>
          </cell>
          <cell r="AU6147">
            <v>10</v>
          </cell>
        </row>
        <row r="6148">
          <cell r="C6148">
            <v>1.1135999999999999</v>
          </cell>
          <cell r="AT6148">
            <v>2014</v>
          </cell>
          <cell r="AU6148">
            <v>10</v>
          </cell>
        </row>
        <row r="6149">
          <cell r="C6149">
            <v>1.1193</v>
          </cell>
          <cell r="AT6149">
            <v>2014</v>
          </cell>
          <cell r="AU6149">
            <v>10</v>
          </cell>
        </row>
        <row r="6150">
          <cell r="C6150">
            <v>1.1274999999999999</v>
          </cell>
          <cell r="AT6150">
            <v>2014</v>
          </cell>
          <cell r="AU6150">
            <v>11</v>
          </cell>
        </row>
        <row r="6151">
          <cell r="C6151">
            <v>1.1274999999999999</v>
          </cell>
          <cell r="AT6151">
            <v>2014</v>
          </cell>
          <cell r="AU6151">
            <v>11</v>
          </cell>
        </row>
        <row r="6152">
          <cell r="C6152">
            <v>1.1274999999999999</v>
          </cell>
          <cell r="AT6152">
            <v>2014</v>
          </cell>
          <cell r="AU6152">
            <v>11</v>
          </cell>
        </row>
        <row r="6153">
          <cell r="C6153">
            <v>1.1319999999999999</v>
          </cell>
          <cell r="AT6153">
            <v>2014</v>
          </cell>
          <cell r="AU6153">
            <v>11</v>
          </cell>
        </row>
        <row r="6154">
          <cell r="C6154">
            <v>1.1396999999999999</v>
          </cell>
          <cell r="AT6154">
            <v>2014</v>
          </cell>
          <cell r="AU6154">
            <v>11</v>
          </cell>
        </row>
        <row r="6155">
          <cell r="C6155">
            <v>1.1376999999999999</v>
          </cell>
          <cell r="AT6155">
            <v>2014</v>
          </cell>
          <cell r="AU6155">
            <v>11</v>
          </cell>
        </row>
        <row r="6156">
          <cell r="C6156">
            <v>1.1424000000000001</v>
          </cell>
          <cell r="AT6156">
            <v>2014</v>
          </cell>
          <cell r="AU6156">
            <v>11</v>
          </cell>
        </row>
        <row r="6157">
          <cell r="C6157">
            <v>1.1359999999999999</v>
          </cell>
          <cell r="AT6157">
            <v>2014</v>
          </cell>
          <cell r="AU6157">
            <v>11</v>
          </cell>
        </row>
        <row r="6158">
          <cell r="C6158">
            <v>1.1359999999999999</v>
          </cell>
          <cell r="AT6158">
            <v>2014</v>
          </cell>
          <cell r="AU6158">
            <v>11</v>
          </cell>
        </row>
        <row r="6159">
          <cell r="C6159">
            <v>1.1359999999999999</v>
          </cell>
          <cell r="AT6159">
            <v>2014</v>
          </cell>
          <cell r="AU6159">
            <v>11</v>
          </cell>
        </row>
        <row r="6160">
          <cell r="C6160">
            <v>1.1345000000000001</v>
          </cell>
          <cell r="AT6160">
            <v>2014</v>
          </cell>
          <cell r="AU6160">
            <v>11</v>
          </cell>
        </row>
        <row r="6161">
          <cell r="C6161">
            <v>1.1345000000000001</v>
          </cell>
          <cell r="AT6161">
            <v>2014</v>
          </cell>
          <cell r="AU6161">
            <v>11</v>
          </cell>
        </row>
        <row r="6162">
          <cell r="C6162">
            <v>1.1284000000000001</v>
          </cell>
          <cell r="AT6162">
            <v>2014</v>
          </cell>
          <cell r="AU6162">
            <v>11</v>
          </cell>
        </row>
        <row r="6163">
          <cell r="C6163">
            <v>1.135</v>
          </cell>
          <cell r="AT6163">
            <v>2014</v>
          </cell>
          <cell r="AU6163">
            <v>11</v>
          </cell>
        </row>
        <row r="6164">
          <cell r="C6164">
            <v>1.1294</v>
          </cell>
          <cell r="AT6164">
            <v>2014</v>
          </cell>
          <cell r="AU6164">
            <v>11</v>
          </cell>
        </row>
        <row r="6165">
          <cell r="C6165">
            <v>1.1294</v>
          </cell>
          <cell r="AT6165">
            <v>2014</v>
          </cell>
          <cell r="AU6165">
            <v>11</v>
          </cell>
        </row>
        <row r="6166">
          <cell r="C6166">
            <v>1.1294</v>
          </cell>
          <cell r="AT6166">
            <v>2014</v>
          </cell>
          <cell r="AU6166">
            <v>11</v>
          </cell>
        </row>
        <row r="6167">
          <cell r="C6167">
            <v>1.1308</v>
          </cell>
          <cell r="AT6167">
            <v>2014</v>
          </cell>
          <cell r="AU6167">
            <v>11</v>
          </cell>
        </row>
        <row r="6168">
          <cell r="C6168">
            <v>1.1305000000000001</v>
          </cell>
          <cell r="AT6168">
            <v>2014</v>
          </cell>
          <cell r="AU6168">
            <v>11</v>
          </cell>
        </row>
        <row r="6169">
          <cell r="C6169">
            <v>1.135</v>
          </cell>
          <cell r="AT6169">
            <v>2014</v>
          </cell>
          <cell r="AU6169">
            <v>11</v>
          </cell>
        </row>
        <row r="6170">
          <cell r="C6170">
            <v>1.1312</v>
          </cell>
          <cell r="AT6170">
            <v>2014</v>
          </cell>
          <cell r="AU6170">
            <v>11</v>
          </cell>
        </row>
        <row r="6171">
          <cell r="C6171">
            <v>1.1237999999999999</v>
          </cell>
          <cell r="AT6171">
            <v>2014</v>
          </cell>
          <cell r="AU6171">
            <v>11</v>
          </cell>
        </row>
        <row r="6172">
          <cell r="C6172">
            <v>1.1237999999999999</v>
          </cell>
          <cell r="AT6172">
            <v>2014</v>
          </cell>
          <cell r="AU6172">
            <v>11</v>
          </cell>
        </row>
        <row r="6173">
          <cell r="C6173">
            <v>1.1237999999999999</v>
          </cell>
          <cell r="AT6173">
            <v>2014</v>
          </cell>
          <cell r="AU6173">
            <v>11</v>
          </cell>
        </row>
        <row r="6174">
          <cell r="C6174">
            <v>1.1282000000000001</v>
          </cell>
          <cell r="AT6174">
            <v>2014</v>
          </cell>
          <cell r="AU6174">
            <v>11</v>
          </cell>
        </row>
        <row r="6175">
          <cell r="C6175">
            <v>1.1261000000000001</v>
          </cell>
          <cell r="AT6175">
            <v>2014</v>
          </cell>
          <cell r="AU6175">
            <v>11</v>
          </cell>
        </row>
        <row r="6176">
          <cell r="C6176">
            <v>1.1235999999999999</v>
          </cell>
          <cell r="AT6176">
            <v>2014</v>
          </cell>
          <cell r="AU6176">
            <v>11</v>
          </cell>
        </row>
        <row r="6177">
          <cell r="C6177">
            <v>1.1235999999999999</v>
          </cell>
          <cell r="AT6177">
            <v>2014</v>
          </cell>
          <cell r="AU6177">
            <v>11</v>
          </cell>
        </row>
        <row r="6178">
          <cell r="C6178">
            <v>1.1235999999999999</v>
          </cell>
          <cell r="AT6178">
            <v>2014</v>
          </cell>
          <cell r="AU6178">
            <v>11</v>
          </cell>
        </row>
        <row r="6179">
          <cell r="C6179">
            <v>1.1235999999999999</v>
          </cell>
          <cell r="AT6179">
            <v>2014</v>
          </cell>
          <cell r="AU6179">
            <v>11</v>
          </cell>
        </row>
        <row r="6180">
          <cell r="C6180">
            <v>1.1235999999999999</v>
          </cell>
          <cell r="AT6180">
            <v>2014</v>
          </cell>
          <cell r="AU6180">
            <v>12</v>
          </cell>
        </row>
        <row r="6181">
          <cell r="C6181">
            <v>1.1344000000000001</v>
          </cell>
          <cell r="AT6181">
            <v>2014</v>
          </cell>
          <cell r="AU6181">
            <v>12</v>
          </cell>
        </row>
        <row r="6182">
          <cell r="C6182">
            <v>1.1399999999999999</v>
          </cell>
          <cell r="AT6182">
            <v>2014</v>
          </cell>
          <cell r="AU6182">
            <v>12</v>
          </cell>
        </row>
        <row r="6183">
          <cell r="C6183">
            <v>1.1359999999999999</v>
          </cell>
          <cell r="AT6183">
            <v>2014</v>
          </cell>
          <cell r="AU6183">
            <v>12</v>
          </cell>
        </row>
        <row r="6184">
          <cell r="C6184">
            <v>1.1373</v>
          </cell>
          <cell r="AT6184">
            <v>2014</v>
          </cell>
          <cell r="AU6184">
            <v>12</v>
          </cell>
        </row>
        <row r="6185">
          <cell r="C6185">
            <v>1.1423000000000001</v>
          </cell>
          <cell r="AT6185">
            <v>2014</v>
          </cell>
          <cell r="AU6185">
            <v>12</v>
          </cell>
        </row>
        <row r="6186">
          <cell r="C6186">
            <v>1.1423000000000001</v>
          </cell>
          <cell r="AT6186">
            <v>2014</v>
          </cell>
          <cell r="AU6186">
            <v>12</v>
          </cell>
        </row>
        <row r="6187">
          <cell r="C6187">
            <v>1.1423000000000001</v>
          </cell>
          <cell r="AT6187">
            <v>2014</v>
          </cell>
          <cell r="AU6187">
            <v>12</v>
          </cell>
        </row>
        <row r="6188">
          <cell r="C6188">
            <v>1.1472</v>
          </cell>
          <cell r="AT6188">
            <v>2014</v>
          </cell>
          <cell r="AU6188">
            <v>12</v>
          </cell>
        </row>
        <row r="6189">
          <cell r="C6189">
            <v>1.1422000000000001</v>
          </cell>
          <cell r="AT6189">
            <v>2014</v>
          </cell>
          <cell r="AU6189">
            <v>12</v>
          </cell>
        </row>
        <row r="6190">
          <cell r="C6190">
            <v>1.1482000000000001</v>
          </cell>
          <cell r="AT6190">
            <v>2014</v>
          </cell>
          <cell r="AU6190">
            <v>12</v>
          </cell>
        </row>
        <row r="6191">
          <cell r="C6191">
            <v>1.1535</v>
          </cell>
          <cell r="AT6191">
            <v>2014</v>
          </cell>
          <cell r="AU6191">
            <v>12</v>
          </cell>
        </row>
        <row r="6192">
          <cell r="C6192">
            <v>1.1539999999999999</v>
          </cell>
          <cell r="AT6192">
            <v>2014</v>
          </cell>
          <cell r="AU6192">
            <v>12</v>
          </cell>
        </row>
        <row r="6193">
          <cell r="C6193">
            <v>1.1539999999999999</v>
          </cell>
          <cell r="AT6193">
            <v>2014</v>
          </cell>
          <cell r="AU6193">
            <v>12</v>
          </cell>
        </row>
        <row r="6194">
          <cell r="C6194">
            <v>1.1539999999999999</v>
          </cell>
          <cell r="AT6194">
            <v>2014</v>
          </cell>
          <cell r="AU6194">
            <v>12</v>
          </cell>
        </row>
        <row r="6195">
          <cell r="C6195">
            <v>1.163</v>
          </cell>
          <cell r="AT6195">
            <v>2014</v>
          </cell>
          <cell r="AU6195">
            <v>12</v>
          </cell>
        </row>
        <row r="6196">
          <cell r="C6196">
            <v>1.1625000000000001</v>
          </cell>
          <cell r="AT6196">
            <v>2014</v>
          </cell>
          <cell r="AU6196">
            <v>12</v>
          </cell>
        </row>
        <row r="6197">
          <cell r="C6197">
            <v>1.1629</v>
          </cell>
          <cell r="AT6197">
            <v>2014</v>
          </cell>
          <cell r="AU6197">
            <v>12</v>
          </cell>
        </row>
        <row r="6198">
          <cell r="C6198">
            <v>1.1594</v>
          </cell>
          <cell r="AT6198">
            <v>2014</v>
          </cell>
          <cell r="AU6198">
            <v>12</v>
          </cell>
        </row>
        <row r="6199">
          <cell r="C6199">
            <v>1.1629</v>
          </cell>
          <cell r="AT6199">
            <v>2014</v>
          </cell>
          <cell r="AU6199">
            <v>12</v>
          </cell>
        </row>
        <row r="6200">
          <cell r="C6200">
            <v>1.1629</v>
          </cell>
          <cell r="AT6200">
            <v>2014</v>
          </cell>
          <cell r="AU6200">
            <v>12</v>
          </cell>
        </row>
        <row r="6201">
          <cell r="C6201">
            <v>1.1629</v>
          </cell>
          <cell r="AT6201">
            <v>2014</v>
          </cell>
          <cell r="AU6201">
            <v>12</v>
          </cell>
        </row>
        <row r="6202">
          <cell r="C6202">
            <v>1.1642999999999999</v>
          </cell>
          <cell r="AT6202">
            <v>2014</v>
          </cell>
          <cell r="AU6202">
            <v>12</v>
          </cell>
        </row>
        <row r="6203">
          <cell r="C6203">
            <v>1.1627000000000001</v>
          </cell>
          <cell r="AT6203">
            <v>2014</v>
          </cell>
          <cell r="AU6203">
            <v>12</v>
          </cell>
        </row>
        <row r="6204">
          <cell r="C6204">
            <v>1.1623000000000001</v>
          </cell>
          <cell r="AT6204">
            <v>2014</v>
          </cell>
          <cell r="AU6204">
            <v>12</v>
          </cell>
        </row>
        <row r="6205">
          <cell r="C6205">
            <v>1.1623000000000001</v>
          </cell>
          <cell r="AT6205">
            <v>2014</v>
          </cell>
          <cell r="AU6205">
            <v>12</v>
          </cell>
        </row>
        <row r="6206">
          <cell r="C6206">
            <v>1.1623000000000001</v>
          </cell>
          <cell r="AT6206">
            <v>2014</v>
          </cell>
          <cell r="AU6206">
            <v>12</v>
          </cell>
        </row>
        <row r="6207">
          <cell r="C6207">
            <v>1.1623000000000001</v>
          </cell>
          <cell r="AT6207">
            <v>2014</v>
          </cell>
          <cell r="AU6207">
            <v>12</v>
          </cell>
        </row>
        <row r="6208">
          <cell r="C6208">
            <v>1.1623000000000001</v>
          </cell>
          <cell r="AT6208">
            <v>2014</v>
          </cell>
          <cell r="AU6208">
            <v>12</v>
          </cell>
        </row>
        <row r="6209">
          <cell r="C6209">
            <v>1.1632</v>
          </cell>
          <cell r="AT6209">
            <v>2014</v>
          </cell>
          <cell r="AU6209">
            <v>12</v>
          </cell>
        </row>
        <row r="6210">
          <cell r="C6210">
            <v>1.1598999999999999</v>
          </cell>
          <cell r="AT6210">
            <v>2014</v>
          </cell>
          <cell r="AU6210">
            <v>12</v>
          </cell>
        </row>
        <row r="6211">
          <cell r="C6211">
            <v>1.1600999999999999</v>
          </cell>
          <cell r="AT6211">
            <v>2015</v>
          </cell>
          <cell r="AU6211">
            <v>1</v>
          </cell>
        </row>
        <row r="6212">
          <cell r="C6212">
            <v>1.1600999999999999</v>
          </cell>
          <cell r="AT6212">
            <v>2015</v>
          </cell>
          <cell r="AU6212">
            <v>1</v>
          </cell>
        </row>
        <row r="6213">
          <cell r="C6213">
            <v>1.1600999999999999</v>
          </cell>
          <cell r="AT6213">
            <v>2015</v>
          </cell>
          <cell r="AU6213">
            <v>1</v>
          </cell>
        </row>
        <row r="6214">
          <cell r="C6214">
            <v>1.1600999999999999</v>
          </cell>
          <cell r="AT6214">
            <v>2015</v>
          </cell>
          <cell r="AU6214">
            <v>1</v>
          </cell>
        </row>
        <row r="6215">
          <cell r="C6215">
            <v>1.1600999999999999</v>
          </cell>
          <cell r="AT6215">
            <v>2015</v>
          </cell>
          <cell r="AU6215">
            <v>1</v>
          </cell>
        </row>
        <row r="6216">
          <cell r="C6216">
            <v>1.1787000000000001</v>
          </cell>
          <cell r="AT6216">
            <v>2015</v>
          </cell>
          <cell r="AU6216">
            <v>1</v>
          </cell>
        </row>
        <row r="6217">
          <cell r="C6217">
            <v>1.1803999999999999</v>
          </cell>
          <cell r="AT6217">
            <v>2015</v>
          </cell>
          <cell r="AU6217">
            <v>1</v>
          </cell>
        </row>
        <row r="6218">
          <cell r="C6218">
            <v>1.1851</v>
          </cell>
          <cell r="AT6218">
            <v>2015</v>
          </cell>
          <cell r="AU6218">
            <v>1</v>
          </cell>
        </row>
        <row r="6219">
          <cell r="C6219">
            <v>1.1812</v>
          </cell>
          <cell r="AT6219">
            <v>2015</v>
          </cell>
          <cell r="AU6219">
            <v>1</v>
          </cell>
        </row>
        <row r="6220">
          <cell r="C6220">
            <v>1.1857</v>
          </cell>
          <cell r="AT6220">
            <v>2015</v>
          </cell>
          <cell r="AU6220">
            <v>1</v>
          </cell>
        </row>
        <row r="6221">
          <cell r="C6221">
            <v>1.1857</v>
          </cell>
          <cell r="AT6221">
            <v>2015</v>
          </cell>
          <cell r="AU6221">
            <v>1</v>
          </cell>
        </row>
        <row r="6222">
          <cell r="C6222">
            <v>1.1857</v>
          </cell>
          <cell r="AT6222">
            <v>2015</v>
          </cell>
          <cell r="AU6222">
            <v>1</v>
          </cell>
        </row>
        <row r="6223">
          <cell r="C6223">
            <v>1.1930000000000001</v>
          </cell>
          <cell r="AT6223">
            <v>2015</v>
          </cell>
          <cell r="AU6223">
            <v>1</v>
          </cell>
        </row>
        <row r="6224">
          <cell r="C6224">
            <v>1.1948000000000001</v>
          </cell>
          <cell r="AT6224">
            <v>2015</v>
          </cell>
          <cell r="AU6224">
            <v>1</v>
          </cell>
        </row>
        <row r="6225">
          <cell r="C6225">
            <v>1.1958</v>
          </cell>
          <cell r="AT6225">
            <v>2015</v>
          </cell>
          <cell r="AU6225">
            <v>1</v>
          </cell>
        </row>
        <row r="6226">
          <cell r="C6226">
            <v>1.1958</v>
          </cell>
          <cell r="AT6226">
            <v>2015</v>
          </cell>
          <cell r="AU6226">
            <v>1</v>
          </cell>
        </row>
        <row r="6227">
          <cell r="C6227">
            <v>1.1986000000000001</v>
          </cell>
          <cell r="AT6227">
            <v>2015</v>
          </cell>
          <cell r="AU6227">
            <v>1</v>
          </cell>
        </row>
        <row r="6228">
          <cell r="C6228">
            <v>1.1986000000000001</v>
          </cell>
          <cell r="AT6228">
            <v>2015</v>
          </cell>
          <cell r="AU6228">
            <v>1</v>
          </cell>
        </row>
        <row r="6229">
          <cell r="C6229">
            <v>1.1986000000000001</v>
          </cell>
          <cell r="AT6229">
            <v>2015</v>
          </cell>
          <cell r="AU6229">
            <v>1</v>
          </cell>
        </row>
        <row r="6230">
          <cell r="C6230">
            <v>1.1986000000000001</v>
          </cell>
          <cell r="AT6230">
            <v>2015</v>
          </cell>
          <cell r="AU6230">
            <v>1</v>
          </cell>
        </row>
        <row r="6231">
          <cell r="C6231">
            <v>1.2084999999999999</v>
          </cell>
          <cell r="AT6231">
            <v>2015</v>
          </cell>
          <cell r="AU6231">
            <v>1</v>
          </cell>
        </row>
        <row r="6232">
          <cell r="C6232">
            <v>1.2374000000000001</v>
          </cell>
          <cell r="AT6232">
            <v>2015</v>
          </cell>
          <cell r="AU6232">
            <v>1</v>
          </cell>
        </row>
        <row r="6233">
          <cell r="C6233">
            <v>1.2371000000000001</v>
          </cell>
          <cell r="AT6233">
            <v>2015</v>
          </cell>
          <cell r="AU6233">
            <v>1</v>
          </cell>
        </row>
        <row r="6234">
          <cell r="C6234">
            <v>1.2403</v>
          </cell>
          <cell r="AT6234">
            <v>2015</v>
          </cell>
          <cell r="AU6234">
            <v>1</v>
          </cell>
        </row>
        <row r="6235">
          <cell r="C6235">
            <v>1.2403</v>
          </cell>
          <cell r="AT6235">
            <v>2015</v>
          </cell>
          <cell r="AU6235">
            <v>1</v>
          </cell>
        </row>
        <row r="6236">
          <cell r="C6236">
            <v>1.2403</v>
          </cell>
          <cell r="AT6236">
            <v>2015</v>
          </cell>
          <cell r="AU6236">
            <v>1</v>
          </cell>
        </row>
        <row r="6237">
          <cell r="C6237">
            <v>1.2411000000000001</v>
          </cell>
          <cell r="AT6237">
            <v>2015</v>
          </cell>
          <cell r="AU6237">
            <v>1</v>
          </cell>
        </row>
        <row r="6238">
          <cell r="C6238">
            <v>1.2403999999999999</v>
          </cell>
          <cell r="AT6238">
            <v>2015</v>
          </cell>
          <cell r="AU6238">
            <v>1</v>
          </cell>
        </row>
        <row r="6239">
          <cell r="C6239">
            <v>1.2451000000000001</v>
          </cell>
          <cell r="AT6239">
            <v>2015</v>
          </cell>
          <cell r="AU6239">
            <v>1</v>
          </cell>
        </row>
        <row r="6240">
          <cell r="C6240">
            <v>1.2644</v>
          </cell>
          <cell r="AT6240">
            <v>2015</v>
          </cell>
          <cell r="AU6240">
            <v>1</v>
          </cell>
        </row>
        <row r="6241">
          <cell r="C6241">
            <v>1.2644</v>
          </cell>
          <cell r="AT6241">
            <v>2015</v>
          </cell>
          <cell r="AU6241">
            <v>1</v>
          </cell>
        </row>
        <row r="6242">
          <cell r="C6242">
            <v>1.2644</v>
          </cell>
          <cell r="AT6242">
            <v>2015</v>
          </cell>
          <cell r="AU6242">
            <v>2</v>
          </cell>
        </row>
        <row r="6243">
          <cell r="C6243">
            <v>1.2644</v>
          </cell>
          <cell r="AT6243">
            <v>2015</v>
          </cell>
          <cell r="AU6243">
            <v>2</v>
          </cell>
        </row>
        <row r="6244">
          <cell r="C6244">
            <v>1.2578</v>
          </cell>
          <cell r="AT6244">
            <v>2015</v>
          </cell>
          <cell r="AU6244">
            <v>2</v>
          </cell>
        </row>
        <row r="6245">
          <cell r="C6245">
            <v>1.2578</v>
          </cell>
          <cell r="AT6245">
            <v>2015</v>
          </cell>
          <cell r="AU6245">
            <v>2</v>
          </cell>
        </row>
        <row r="6246">
          <cell r="C6246">
            <v>1.2549999999999999</v>
          </cell>
          <cell r="AT6246">
            <v>2015</v>
          </cell>
          <cell r="AU6246">
            <v>2</v>
          </cell>
        </row>
        <row r="6247">
          <cell r="C6247">
            <v>1.2422</v>
          </cell>
          <cell r="AT6247">
            <v>2015</v>
          </cell>
          <cell r="AU6247">
            <v>2</v>
          </cell>
        </row>
        <row r="6248">
          <cell r="C6248">
            <v>1.2523</v>
          </cell>
          <cell r="AT6248">
            <v>2015</v>
          </cell>
          <cell r="AU6248">
            <v>2</v>
          </cell>
        </row>
        <row r="6249">
          <cell r="C6249">
            <v>1.2523</v>
          </cell>
          <cell r="AT6249">
            <v>2015</v>
          </cell>
          <cell r="AU6249">
            <v>2</v>
          </cell>
        </row>
        <row r="6250">
          <cell r="C6250">
            <v>1.2523</v>
          </cell>
          <cell r="AT6250">
            <v>2015</v>
          </cell>
          <cell r="AU6250">
            <v>2</v>
          </cell>
        </row>
        <row r="6251">
          <cell r="C6251">
            <v>1.2447999999999999</v>
          </cell>
          <cell r="AT6251">
            <v>2015</v>
          </cell>
          <cell r="AU6251">
            <v>2</v>
          </cell>
        </row>
        <row r="6252">
          <cell r="C6252">
            <v>1.2527999999999999</v>
          </cell>
          <cell r="AT6252">
            <v>2015</v>
          </cell>
          <cell r="AU6252">
            <v>2</v>
          </cell>
        </row>
        <row r="6253">
          <cell r="C6253">
            <v>1.2635000000000001</v>
          </cell>
          <cell r="AT6253">
            <v>2015</v>
          </cell>
          <cell r="AU6253">
            <v>2</v>
          </cell>
        </row>
        <row r="6254">
          <cell r="C6254">
            <v>1.2462</v>
          </cell>
          <cell r="AT6254">
            <v>2015</v>
          </cell>
          <cell r="AU6254">
            <v>2</v>
          </cell>
        </row>
        <row r="6255">
          <cell r="C6255">
            <v>1.2448999999999999</v>
          </cell>
          <cell r="AT6255">
            <v>2015</v>
          </cell>
          <cell r="AU6255">
            <v>2</v>
          </cell>
        </row>
        <row r="6256">
          <cell r="C6256">
            <v>1.2448999999999999</v>
          </cell>
          <cell r="AT6256">
            <v>2015</v>
          </cell>
          <cell r="AU6256">
            <v>2</v>
          </cell>
        </row>
        <row r="6257">
          <cell r="C6257">
            <v>1.2448999999999999</v>
          </cell>
          <cell r="AT6257">
            <v>2015</v>
          </cell>
          <cell r="AU6257">
            <v>2</v>
          </cell>
        </row>
        <row r="6258">
          <cell r="C6258">
            <v>1.2448999999999999</v>
          </cell>
          <cell r="AT6258">
            <v>2015</v>
          </cell>
          <cell r="AU6258">
            <v>2</v>
          </cell>
        </row>
        <row r="6259">
          <cell r="C6259">
            <v>1.2403</v>
          </cell>
          <cell r="AT6259">
            <v>2015</v>
          </cell>
          <cell r="AU6259">
            <v>2</v>
          </cell>
        </row>
        <row r="6260">
          <cell r="C6260">
            <v>1.2403</v>
          </cell>
          <cell r="AT6260">
            <v>2015</v>
          </cell>
          <cell r="AU6260">
            <v>2</v>
          </cell>
        </row>
        <row r="6261">
          <cell r="C6261">
            <v>1.2485999999999999</v>
          </cell>
          <cell r="AT6261">
            <v>2015</v>
          </cell>
          <cell r="AU6261">
            <v>2</v>
          </cell>
        </row>
        <row r="6262">
          <cell r="C6262">
            <v>1.2505999999999999</v>
          </cell>
          <cell r="AT6262">
            <v>2015</v>
          </cell>
          <cell r="AU6262">
            <v>2</v>
          </cell>
        </row>
        <row r="6263">
          <cell r="C6263">
            <v>1.2505999999999999</v>
          </cell>
          <cell r="AT6263">
            <v>2015</v>
          </cell>
          <cell r="AU6263">
            <v>2</v>
          </cell>
        </row>
        <row r="6264">
          <cell r="C6264">
            <v>1.2505999999999999</v>
          </cell>
          <cell r="AT6264">
            <v>2015</v>
          </cell>
          <cell r="AU6264">
            <v>2</v>
          </cell>
        </row>
        <row r="6265">
          <cell r="C6265">
            <v>1.258</v>
          </cell>
          <cell r="AT6265">
            <v>2015</v>
          </cell>
          <cell r="AU6265">
            <v>2</v>
          </cell>
        </row>
        <row r="6266">
          <cell r="C6266">
            <v>1.2603</v>
          </cell>
          <cell r="AT6266">
            <v>2015</v>
          </cell>
          <cell r="AU6266">
            <v>2</v>
          </cell>
        </row>
        <row r="6267">
          <cell r="C6267">
            <v>1.2419</v>
          </cell>
          <cell r="AT6267">
            <v>2015</v>
          </cell>
          <cell r="AU6267">
            <v>2</v>
          </cell>
        </row>
        <row r="6268">
          <cell r="C6268">
            <v>1.2490000000000001</v>
          </cell>
          <cell r="AT6268">
            <v>2015</v>
          </cell>
          <cell r="AU6268">
            <v>2</v>
          </cell>
        </row>
        <row r="6269">
          <cell r="C6269">
            <v>1.2507999999999999</v>
          </cell>
          <cell r="AT6269">
            <v>2015</v>
          </cell>
          <cell r="AU6269">
            <v>2</v>
          </cell>
        </row>
        <row r="6270">
          <cell r="C6270">
            <v>1.2507999999999999</v>
          </cell>
          <cell r="AT6270">
            <v>2015</v>
          </cell>
          <cell r="AU6270">
            <v>3</v>
          </cell>
        </row>
        <row r="6271">
          <cell r="C6271">
            <v>1.2507999999999999</v>
          </cell>
          <cell r="AT6271">
            <v>2015</v>
          </cell>
          <cell r="AU6271">
            <v>3</v>
          </cell>
        </row>
        <row r="6272">
          <cell r="C6272">
            <v>1.2535000000000001</v>
          </cell>
          <cell r="AT6272">
            <v>2015</v>
          </cell>
          <cell r="AU6272">
            <v>3</v>
          </cell>
        </row>
        <row r="6273">
          <cell r="C6273">
            <v>1.2452000000000001</v>
          </cell>
          <cell r="AT6273">
            <v>2015</v>
          </cell>
          <cell r="AU6273">
            <v>3</v>
          </cell>
        </row>
        <row r="6274">
          <cell r="C6274">
            <v>1.244</v>
          </cell>
          <cell r="AT6274">
            <v>2015</v>
          </cell>
          <cell r="AU6274">
            <v>3</v>
          </cell>
        </row>
        <row r="6275">
          <cell r="C6275">
            <v>1.2482</v>
          </cell>
          <cell r="AT6275">
            <v>2015</v>
          </cell>
          <cell r="AU6275">
            <v>3</v>
          </cell>
        </row>
        <row r="6276">
          <cell r="C6276">
            <v>1.2616000000000001</v>
          </cell>
          <cell r="AT6276">
            <v>2015</v>
          </cell>
          <cell r="AU6276">
            <v>3</v>
          </cell>
        </row>
        <row r="6277">
          <cell r="C6277">
            <v>1.2616000000000001</v>
          </cell>
          <cell r="AT6277">
            <v>2015</v>
          </cell>
          <cell r="AU6277">
            <v>3</v>
          </cell>
        </row>
        <row r="6278">
          <cell r="C6278">
            <v>1.2616000000000001</v>
          </cell>
          <cell r="AT6278">
            <v>2015</v>
          </cell>
          <cell r="AU6278">
            <v>3</v>
          </cell>
        </row>
        <row r="6279">
          <cell r="C6279">
            <v>1.2598</v>
          </cell>
          <cell r="AT6279">
            <v>2015</v>
          </cell>
          <cell r="AU6279">
            <v>3</v>
          </cell>
        </row>
        <row r="6280">
          <cell r="C6280">
            <v>1.2633000000000001</v>
          </cell>
          <cell r="AT6280">
            <v>2015</v>
          </cell>
          <cell r="AU6280">
            <v>3</v>
          </cell>
        </row>
        <row r="6281">
          <cell r="C6281">
            <v>1.2764</v>
          </cell>
          <cell r="AT6281">
            <v>2015</v>
          </cell>
          <cell r="AU6281">
            <v>3</v>
          </cell>
        </row>
        <row r="6282">
          <cell r="C6282">
            <v>1.2690999999999999</v>
          </cell>
          <cell r="AT6282">
            <v>2015</v>
          </cell>
          <cell r="AU6282">
            <v>3</v>
          </cell>
        </row>
        <row r="6283">
          <cell r="C6283">
            <v>1.2803</v>
          </cell>
          <cell r="AT6283">
            <v>2015</v>
          </cell>
          <cell r="AU6283">
            <v>3</v>
          </cell>
        </row>
        <row r="6284">
          <cell r="C6284">
            <v>1.2803</v>
          </cell>
          <cell r="AT6284">
            <v>2015</v>
          </cell>
          <cell r="AU6284">
            <v>3</v>
          </cell>
        </row>
        <row r="6285">
          <cell r="C6285">
            <v>1.2803</v>
          </cell>
          <cell r="AT6285">
            <v>2015</v>
          </cell>
          <cell r="AU6285">
            <v>3</v>
          </cell>
        </row>
        <row r="6286">
          <cell r="C6286">
            <v>1.2765</v>
          </cell>
          <cell r="AT6286">
            <v>2015</v>
          </cell>
          <cell r="AU6286">
            <v>3</v>
          </cell>
        </row>
        <row r="6287">
          <cell r="C6287">
            <v>1.2765</v>
          </cell>
          <cell r="AT6287">
            <v>2015</v>
          </cell>
          <cell r="AU6287">
            <v>3</v>
          </cell>
        </row>
        <row r="6288">
          <cell r="C6288">
            <v>1.2770999999999999</v>
          </cell>
          <cell r="AT6288">
            <v>2015</v>
          </cell>
          <cell r="AU6288">
            <v>3</v>
          </cell>
        </row>
        <row r="6289">
          <cell r="C6289">
            <v>1.2744</v>
          </cell>
          <cell r="AT6289">
            <v>2015</v>
          </cell>
          <cell r="AU6289">
            <v>3</v>
          </cell>
        </row>
        <row r="6290">
          <cell r="C6290">
            <v>1.2595000000000001</v>
          </cell>
          <cell r="AT6290">
            <v>2015</v>
          </cell>
          <cell r="AU6290">
            <v>3</v>
          </cell>
        </row>
        <row r="6291">
          <cell r="C6291">
            <v>1.2595000000000001</v>
          </cell>
          <cell r="AT6291">
            <v>2015</v>
          </cell>
          <cell r="AU6291">
            <v>3</v>
          </cell>
        </row>
        <row r="6292">
          <cell r="C6292">
            <v>1.2595000000000001</v>
          </cell>
          <cell r="AT6292">
            <v>2015</v>
          </cell>
          <cell r="AU6292">
            <v>3</v>
          </cell>
        </row>
        <row r="6293">
          <cell r="C6293">
            <v>1.2516</v>
          </cell>
          <cell r="AT6293">
            <v>2015</v>
          </cell>
          <cell r="AU6293">
            <v>3</v>
          </cell>
        </row>
        <row r="6294">
          <cell r="C6294">
            <v>1.2511000000000001</v>
          </cell>
          <cell r="AT6294">
            <v>2015</v>
          </cell>
          <cell r="AU6294">
            <v>3</v>
          </cell>
        </row>
        <row r="6295">
          <cell r="C6295">
            <v>1.2513000000000001</v>
          </cell>
          <cell r="AT6295">
            <v>2015</v>
          </cell>
          <cell r="AU6295">
            <v>3</v>
          </cell>
        </row>
        <row r="6296">
          <cell r="C6296">
            <v>1.2471000000000001</v>
          </cell>
          <cell r="AT6296">
            <v>2015</v>
          </cell>
          <cell r="AU6296">
            <v>3</v>
          </cell>
        </row>
        <row r="6297">
          <cell r="C6297">
            <v>1.258</v>
          </cell>
          <cell r="AT6297">
            <v>2015</v>
          </cell>
          <cell r="AU6297">
            <v>3</v>
          </cell>
        </row>
        <row r="6298">
          <cell r="C6298">
            <v>1.258</v>
          </cell>
          <cell r="AT6298">
            <v>2015</v>
          </cell>
          <cell r="AU6298">
            <v>3</v>
          </cell>
        </row>
        <row r="6299">
          <cell r="C6299">
            <v>1.258</v>
          </cell>
          <cell r="AT6299">
            <v>2015</v>
          </cell>
          <cell r="AU6299">
            <v>3</v>
          </cell>
        </row>
        <row r="6300">
          <cell r="C6300">
            <v>1.2688999999999999</v>
          </cell>
          <cell r="AT6300">
            <v>2015</v>
          </cell>
          <cell r="AU6300">
            <v>3</v>
          </cell>
        </row>
        <row r="6301">
          <cell r="C6301">
            <v>1.2683</v>
          </cell>
          <cell r="AT6301">
            <v>2015</v>
          </cell>
          <cell r="AU6301">
            <v>4</v>
          </cell>
        </row>
        <row r="6302">
          <cell r="C6302">
            <v>1.2612000000000001</v>
          </cell>
          <cell r="AT6302">
            <v>2015</v>
          </cell>
          <cell r="AU6302">
            <v>4</v>
          </cell>
        </row>
        <row r="6303">
          <cell r="C6303">
            <v>1.2612000000000001</v>
          </cell>
          <cell r="AT6303">
            <v>2015</v>
          </cell>
          <cell r="AU6303">
            <v>4</v>
          </cell>
        </row>
        <row r="6304">
          <cell r="C6304">
            <v>1.2612000000000001</v>
          </cell>
          <cell r="AT6304">
            <v>2015</v>
          </cell>
          <cell r="AU6304">
            <v>4</v>
          </cell>
        </row>
        <row r="6305">
          <cell r="C6305">
            <v>1.2612000000000001</v>
          </cell>
          <cell r="AT6305">
            <v>2015</v>
          </cell>
          <cell r="AU6305">
            <v>4</v>
          </cell>
        </row>
        <row r="6306">
          <cell r="C6306">
            <v>1.2612000000000001</v>
          </cell>
          <cell r="AT6306">
            <v>2015</v>
          </cell>
          <cell r="AU6306">
            <v>4</v>
          </cell>
        </row>
        <row r="6307">
          <cell r="C6307">
            <v>1.2452000000000001</v>
          </cell>
          <cell r="AT6307">
            <v>2015</v>
          </cell>
          <cell r="AU6307">
            <v>4</v>
          </cell>
        </row>
        <row r="6308">
          <cell r="C6308">
            <v>1.2487999999999999</v>
          </cell>
          <cell r="AT6308">
            <v>2015</v>
          </cell>
          <cell r="AU6308">
            <v>4</v>
          </cell>
        </row>
        <row r="6309">
          <cell r="C6309">
            <v>1.2507999999999999</v>
          </cell>
          <cell r="AT6309">
            <v>2015</v>
          </cell>
          <cell r="AU6309">
            <v>4</v>
          </cell>
        </row>
        <row r="6310">
          <cell r="C6310">
            <v>1.258</v>
          </cell>
          <cell r="AT6310">
            <v>2015</v>
          </cell>
          <cell r="AU6310">
            <v>4</v>
          </cell>
        </row>
        <row r="6311">
          <cell r="C6311">
            <v>1.2595000000000001</v>
          </cell>
          <cell r="AT6311">
            <v>2015</v>
          </cell>
          <cell r="AU6311">
            <v>4</v>
          </cell>
        </row>
        <row r="6312">
          <cell r="C6312">
            <v>1.2595000000000001</v>
          </cell>
          <cell r="AT6312">
            <v>2015</v>
          </cell>
          <cell r="AU6312">
            <v>4</v>
          </cell>
        </row>
        <row r="6313">
          <cell r="C6313">
            <v>1.2595000000000001</v>
          </cell>
          <cell r="AT6313">
            <v>2015</v>
          </cell>
          <cell r="AU6313">
            <v>4</v>
          </cell>
        </row>
        <row r="6314">
          <cell r="C6314">
            <v>1.2602</v>
          </cell>
          <cell r="AT6314">
            <v>2015</v>
          </cell>
          <cell r="AU6314">
            <v>4</v>
          </cell>
        </row>
        <row r="6315">
          <cell r="C6315">
            <v>1.2478</v>
          </cell>
          <cell r="AT6315">
            <v>2015</v>
          </cell>
          <cell r="AU6315">
            <v>4</v>
          </cell>
        </row>
        <row r="6316">
          <cell r="C6316">
            <v>1.2379</v>
          </cell>
          <cell r="AT6316">
            <v>2015</v>
          </cell>
          <cell r="AU6316">
            <v>4</v>
          </cell>
        </row>
        <row r="6317">
          <cell r="C6317">
            <v>1.2205999999999999</v>
          </cell>
          <cell r="AT6317">
            <v>2015</v>
          </cell>
          <cell r="AU6317">
            <v>4</v>
          </cell>
        </row>
        <row r="6318">
          <cell r="C6318">
            <v>1.2229000000000001</v>
          </cell>
          <cell r="AT6318">
            <v>2015</v>
          </cell>
          <cell r="AU6318">
            <v>4</v>
          </cell>
        </row>
        <row r="6319">
          <cell r="C6319">
            <v>1.2229000000000001</v>
          </cell>
          <cell r="AT6319">
            <v>2015</v>
          </cell>
          <cell r="AU6319">
            <v>4</v>
          </cell>
        </row>
        <row r="6320">
          <cell r="C6320">
            <v>1.2229000000000001</v>
          </cell>
          <cell r="AT6320">
            <v>2015</v>
          </cell>
          <cell r="AU6320">
            <v>4</v>
          </cell>
        </row>
        <row r="6321">
          <cell r="C6321">
            <v>1.2203999999999999</v>
          </cell>
          <cell r="AT6321">
            <v>2015</v>
          </cell>
          <cell r="AU6321">
            <v>4</v>
          </cell>
        </row>
        <row r="6322">
          <cell r="C6322">
            <v>1.2274</v>
          </cell>
          <cell r="AT6322">
            <v>2015</v>
          </cell>
          <cell r="AU6322">
            <v>4</v>
          </cell>
        </row>
        <row r="6323">
          <cell r="C6323">
            <v>1.2250000000000001</v>
          </cell>
          <cell r="AT6323">
            <v>2015</v>
          </cell>
          <cell r="AU6323">
            <v>4</v>
          </cell>
        </row>
        <row r="6324">
          <cell r="C6324">
            <v>1.2146999999999999</v>
          </cell>
          <cell r="AT6324">
            <v>2015</v>
          </cell>
          <cell r="AU6324">
            <v>4</v>
          </cell>
        </row>
        <row r="6325">
          <cell r="C6325">
            <v>1.2165999999999999</v>
          </cell>
          <cell r="AT6325">
            <v>2015</v>
          </cell>
          <cell r="AU6325">
            <v>4</v>
          </cell>
        </row>
        <row r="6326">
          <cell r="C6326">
            <v>1.2165999999999999</v>
          </cell>
          <cell r="AT6326">
            <v>2015</v>
          </cell>
          <cell r="AU6326">
            <v>4</v>
          </cell>
        </row>
        <row r="6327">
          <cell r="C6327">
            <v>1.2165999999999999</v>
          </cell>
          <cell r="AT6327">
            <v>2015</v>
          </cell>
          <cell r="AU6327">
            <v>4</v>
          </cell>
        </row>
        <row r="6328">
          <cell r="C6328">
            <v>1.2104999999999999</v>
          </cell>
          <cell r="AT6328">
            <v>2015</v>
          </cell>
          <cell r="AU6328">
            <v>4</v>
          </cell>
        </row>
        <row r="6329">
          <cell r="C6329">
            <v>1.2020999999999999</v>
          </cell>
          <cell r="AT6329">
            <v>2015</v>
          </cell>
          <cell r="AU6329">
            <v>4</v>
          </cell>
        </row>
        <row r="6330">
          <cell r="C6330">
            <v>1.1954</v>
          </cell>
          <cell r="AT6330">
            <v>2015</v>
          </cell>
          <cell r="AU6330">
            <v>4</v>
          </cell>
        </row>
        <row r="6331">
          <cell r="C6331">
            <v>1.2119</v>
          </cell>
          <cell r="AT6331">
            <v>2015</v>
          </cell>
          <cell r="AU6331">
            <v>5</v>
          </cell>
        </row>
        <row r="6332">
          <cell r="C6332">
            <v>1.2192000000000001</v>
          </cell>
          <cell r="AT6332">
            <v>2015</v>
          </cell>
          <cell r="AU6332">
            <v>5</v>
          </cell>
        </row>
        <row r="6333">
          <cell r="C6333">
            <v>1.2192000000000001</v>
          </cell>
          <cell r="AT6333">
            <v>2015</v>
          </cell>
          <cell r="AU6333">
            <v>5</v>
          </cell>
        </row>
        <row r="6334">
          <cell r="C6334">
            <v>1.2192000000000001</v>
          </cell>
          <cell r="AT6334">
            <v>2015</v>
          </cell>
          <cell r="AU6334">
            <v>5</v>
          </cell>
        </row>
        <row r="6335">
          <cell r="C6335">
            <v>1.2111000000000001</v>
          </cell>
          <cell r="AT6335">
            <v>2015</v>
          </cell>
          <cell r="AU6335">
            <v>5</v>
          </cell>
        </row>
        <row r="6336">
          <cell r="C6336">
            <v>1.204</v>
          </cell>
          <cell r="AT6336">
            <v>2015</v>
          </cell>
          <cell r="AU6336">
            <v>5</v>
          </cell>
        </row>
        <row r="6337">
          <cell r="C6337">
            <v>1.2009000000000001</v>
          </cell>
          <cell r="AT6337">
            <v>2015</v>
          </cell>
          <cell r="AU6337">
            <v>5</v>
          </cell>
        </row>
        <row r="6338">
          <cell r="C6338">
            <v>1.2139</v>
          </cell>
          <cell r="AT6338">
            <v>2015</v>
          </cell>
          <cell r="AU6338">
            <v>5</v>
          </cell>
        </row>
        <row r="6339">
          <cell r="C6339">
            <v>1.2088000000000001</v>
          </cell>
          <cell r="AT6339">
            <v>2015</v>
          </cell>
          <cell r="AU6339">
            <v>5</v>
          </cell>
        </row>
        <row r="6340">
          <cell r="C6340">
            <v>1.2088000000000001</v>
          </cell>
          <cell r="AT6340">
            <v>2015</v>
          </cell>
          <cell r="AU6340">
            <v>5</v>
          </cell>
        </row>
        <row r="6341">
          <cell r="C6341">
            <v>1.2088000000000001</v>
          </cell>
          <cell r="AT6341">
            <v>2015</v>
          </cell>
          <cell r="AU6341">
            <v>5</v>
          </cell>
        </row>
        <row r="6342">
          <cell r="C6342">
            <v>1.2104999999999999</v>
          </cell>
          <cell r="AT6342">
            <v>2015</v>
          </cell>
          <cell r="AU6342">
            <v>5</v>
          </cell>
        </row>
        <row r="6343">
          <cell r="C6343">
            <v>1.1987000000000001</v>
          </cell>
          <cell r="AT6343">
            <v>2015</v>
          </cell>
          <cell r="AU6343">
            <v>5</v>
          </cell>
        </row>
        <row r="6344">
          <cell r="C6344">
            <v>1.1951000000000001</v>
          </cell>
          <cell r="AT6344">
            <v>2015</v>
          </cell>
          <cell r="AU6344">
            <v>5</v>
          </cell>
        </row>
        <row r="6345">
          <cell r="C6345">
            <v>1.1992</v>
          </cell>
          <cell r="AT6345">
            <v>2015</v>
          </cell>
          <cell r="AU6345">
            <v>5</v>
          </cell>
        </row>
        <row r="6346">
          <cell r="C6346">
            <v>1.2010000000000001</v>
          </cell>
          <cell r="AT6346">
            <v>2015</v>
          </cell>
          <cell r="AU6346">
            <v>5</v>
          </cell>
        </row>
        <row r="6347">
          <cell r="C6347">
            <v>1.2010000000000001</v>
          </cell>
          <cell r="AT6347">
            <v>2015</v>
          </cell>
          <cell r="AU6347">
            <v>5</v>
          </cell>
        </row>
        <row r="6348">
          <cell r="C6348">
            <v>1.2010000000000001</v>
          </cell>
          <cell r="AT6348">
            <v>2015</v>
          </cell>
          <cell r="AU6348">
            <v>5</v>
          </cell>
        </row>
        <row r="6349">
          <cell r="C6349">
            <v>1.2010000000000001</v>
          </cell>
          <cell r="AT6349">
            <v>2015</v>
          </cell>
          <cell r="AU6349">
            <v>5</v>
          </cell>
        </row>
        <row r="6350">
          <cell r="C6350">
            <v>1.2211000000000001</v>
          </cell>
          <cell r="AT6350">
            <v>2015</v>
          </cell>
          <cell r="AU6350">
            <v>5</v>
          </cell>
        </row>
        <row r="6351">
          <cell r="C6351">
            <v>1.2212000000000001</v>
          </cell>
          <cell r="AT6351">
            <v>2015</v>
          </cell>
          <cell r="AU6351">
            <v>5</v>
          </cell>
        </row>
        <row r="6352">
          <cell r="C6352">
            <v>1.2201</v>
          </cell>
          <cell r="AT6352">
            <v>2015</v>
          </cell>
          <cell r="AU6352">
            <v>5</v>
          </cell>
        </row>
        <row r="6353">
          <cell r="C6353">
            <v>1.2287999999999999</v>
          </cell>
          <cell r="AT6353">
            <v>2015</v>
          </cell>
          <cell r="AU6353">
            <v>5</v>
          </cell>
        </row>
        <row r="6354">
          <cell r="C6354">
            <v>1.2287999999999999</v>
          </cell>
          <cell r="AT6354">
            <v>2015</v>
          </cell>
          <cell r="AU6354">
            <v>5</v>
          </cell>
        </row>
        <row r="6355">
          <cell r="C6355">
            <v>1.2287999999999999</v>
          </cell>
          <cell r="AT6355">
            <v>2015</v>
          </cell>
          <cell r="AU6355">
            <v>5</v>
          </cell>
        </row>
        <row r="6356">
          <cell r="C6356">
            <v>1.2303999999999999</v>
          </cell>
          <cell r="AT6356">
            <v>2015</v>
          </cell>
          <cell r="AU6356">
            <v>5</v>
          </cell>
        </row>
        <row r="6357">
          <cell r="C6357">
            <v>1.2430000000000001</v>
          </cell>
          <cell r="AT6357">
            <v>2015</v>
          </cell>
          <cell r="AU6357">
            <v>5</v>
          </cell>
        </row>
        <row r="6358">
          <cell r="C6358">
            <v>1.2484999999999999</v>
          </cell>
          <cell r="AT6358">
            <v>2015</v>
          </cell>
          <cell r="AU6358">
            <v>5</v>
          </cell>
        </row>
        <row r="6359">
          <cell r="C6359">
            <v>1.2477</v>
          </cell>
          <cell r="AT6359">
            <v>2015</v>
          </cell>
          <cell r="AU6359">
            <v>5</v>
          </cell>
        </row>
        <row r="6360">
          <cell r="C6360">
            <v>1.2464999999999999</v>
          </cell>
          <cell r="AT6360">
            <v>2015</v>
          </cell>
          <cell r="AU6360">
            <v>5</v>
          </cell>
        </row>
        <row r="6361">
          <cell r="C6361">
            <v>1.2464999999999999</v>
          </cell>
          <cell r="AT6361">
            <v>2015</v>
          </cell>
          <cell r="AU6361">
            <v>5</v>
          </cell>
        </row>
        <row r="6362">
          <cell r="C6362">
            <v>1.2464999999999999</v>
          </cell>
          <cell r="AT6362">
            <v>2015</v>
          </cell>
          <cell r="AU6362">
            <v>6</v>
          </cell>
        </row>
        <row r="6363">
          <cell r="C6363">
            <v>1.2549999999999999</v>
          </cell>
          <cell r="AT6363">
            <v>2015</v>
          </cell>
          <cell r="AU6363">
            <v>6</v>
          </cell>
        </row>
        <row r="6364">
          <cell r="C6364">
            <v>1.2423</v>
          </cell>
          <cell r="AT6364">
            <v>2015</v>
          </cell>
          <cell r="AU6364">
            <v>6</v>
          </cell>
        </row>
        <row r="6365">
          <cell r="C6365">
            <v>1.2436</v>
          </cell>
          <cell r="AT6365">
            <v>2015</v>
          </cell>
          <cell r="AU6365">
            <v>6</v>
          </cell>
        </row>
        <row r="6366">
          <cell r="C6366">
            <v>1.2477</v>
          </cell>
          <cell r="AT6366">
            <v>2015</v>
          </cell>
          <cell r="AU6366">
            <v>6</v>
          </cell>
        </row>
        <row r="6367">
          <cell r="C6367">
            <v>1.2488999999999999</v>
          </cell>
          <cell r="AT6367">
            <v>2015</v>
          </cell>
          <cell r="AU6367">
            <v>6</v>
          </cell>
        </row>
        <row r="6368">
          <cell r="C6368">
            <v>1.2488999999999999</v>
          </cell>
          <cell r="AT6368">
            <v>2015</v>
          </cell>
          <cell r="AU6368">
            <v>6</v>
          </cell>
        </row>
        <row r="6369">
          <cell r="C6369">
            <v>1.2488999999999999</v>
          </cell>
          <cell r="AT6369">
            <v>2015</v>
          </cell>
          <cell r="AU6369">
            <v>6</v>
          </cell>
        </row>
        <row r="6370">
          <cell r="C6370">
            <v>1.2435</v>
          </cell>
          <cell r="AT6370">
            <v>2015</v>
          </cell>
          <cell r="AU6370">
            <v>6</v>
          </cell>
        </row>
        <row r="6371">
          <cell r="C6371">
            <v>1.2317</v>
          </cell>
          <cell r="AT6371">
            <v>2015</v>
          </cell>
          <cell r="AU6371">
            <v>6</v>
          </cell>
        </row>
        <row r="6372">
          <cell r="C6372">
            <v>1.2266999999999999</v>
          </cell>
          <cell r="AT6372">
            <v>2015</v>
          </cell>
          <cell r="AU6372">
            <v>6</v>
          </cell>
        </row>
        <row r="6373">
          <cell r="C6373">
            <v>1.2314000000000001</v>
          </cell>
          <cell r="AT6373">
            <v>2015</v>
          </cell>
          <cell r="AU6373">
            <v>6</v>
          </cell>
        </row>
        <row r="6374">
          <cell r="C6374">
            <v>1.2303999999999999</v>
          </cell>
          <cell r="AT6374">
            <v>2015</v>
          </cell>
          <cell r="AU6374">
            <v>6</v>
          </cell>
        </row>
        <row r="6375">
          <cell r="C6375">
            <v>1.2303999999999999</v>
          </cell>
          <cell r="AT6375">
            <v>2015</v>
          </cell>
          <cell r="AU6375">
            <v>6</v>
          </cell>
        </row>
        <row r="6376">
          <cell r="C6376">
            <v>1.2303999999999999</v>
          </cell>
          <cell r="AT6376">
            <v>2015</v>
          </cell>
          <cell r="AU6376">
            <v>6</v>
          </cell>
        </row>
        <row r="6377">
          <cell r="C6377">
            <v>1.2323</v>
          </cell>
          <cell r="AT6377">
            <v>2015</v>
          </cell>
          <cell r="AU6377">
            <v>6</v>
          </cell>
        </row>
        <row r="6378">
          <cell r="C6378">
            <v>1.2330000000000001</v>
          </cell>
          <cell r="AT6378">
            <v>2015</v>
          </cell>
          <cell r="AU6378">
            <v>6</v>
          </cell>
        </row>
        <row r="6379">
          <cell r="C6379">
            <v>1.2307999999999999</v>
          </cell>
          <cell r="AT6379">
            <v>2015</v>
          </cell>
          <cell r="AU6379">
            <v>6</v>
          </cell>
        </row>
        <row r="6380">
          <cell r="C6380">
            <v>1.2209000000000001</v>
          </cell>
          <cell r="AT6380">
            <v>2015</v>
          </cell>
          <cell r="AU6380">
            <v>6</v>
          </cell>
        </row>
        <row r="6381">
          <cell r="C6381">
            <v>1.2279</v>
          </cell>
          <cell r="AT6381">
            <v>2015</v>
          </cell>
          <cell r="AU6381">
            <v>6</v>
          </cell>
        </row>
        <row r="6382">
          <cell r="C6382">
            <v>1.2279</v>
          </cell>
          <cell r="AT6382">
            <v>2015</v>
          </cell>
          <cell r="AU6382">
            <v>6</v>
          </cell>
        </row>
        <row r="6383">
          <cell r="C6383">
            <v>1.2279</v>
          </cell>
          <cell r="AT6383">
            <v>2015</v>
          </cell>
          <cell r="AU6383">
            <v>6</v>
          </cell>
        </row>
        <row r="6384">
          <cell r="C6384">
            <v>1.2287999999999999</v>
          </cell>
          <cell r="AT6384">
            <v>2015</v>
          </cell>
          <cell r="AU6384">
            <v>6</v>
          </cell>
        </row>
        <row r="6385">
          <cell r="C6385">
            <v>1.2326999999999999</v>
          </cell>
          <cell r="AT6385">
            <v>2015</v>
          </cell>
          <cell r="AU6385">
            <v>6</v>
          </cell>
        </row>
        <row r="6386">
          <cell r="C6386">
            <v>1.2415</v>
          </cell>
          <cell r="AT6386">
            <v>2015</v>
          </cell>
          <cell r="AU6386">
            <v>6</v>
          </cell>
        </row>
        <row r="6387">
          <cell r="C6387">
            <v>1.2346999999999999</v>
          </cell>
          <cell r="AT6387">
            <v>2015</v>
          </cell>
          <cell r="AU6387">
            <v>6</v>
          </cell>
        </row>
        <row r="6388">
          <cell r="C6388">
            <v>1.2359</v>
          </cell>
          <cell r="AT6388">
            <v>2015</v>
          </cell>
          <cell r="AU6388">
            <v>6</v>
          </cell>
        </row>
        <row r="6389">
          <cell r="C6389">
            <v>1.2359</v>
          </cell>
          <cell r="AT6389">
            <v>2015</v>
          </cell>
          <cell r="AU6389">
            <v>6</v>
          </cell>
        </row>
        <row r="6390">
          <cell r="C6390">
            <v>1.2359</v>
          </cell>
          <cell r="AT6390">
            <v>2015</v>
          </cell>
          <cell r="AU6390">
            <v>6</v>
          </cell>
        </row>
        <row r="6391">
          <cell r="C6391">
            <v>1.2382</v>
          </cell>
          <cell r="AT6391">
            <v>2015</v>
          </cell>
          <cell r="AU6391">
            <v>6</v>
          </cell>
        </row>
        <row r="6392">
          <cell r="C6392">
            <v>1.2474000000000001</v>
          </cell>
          <cell r="AT6392">
            <v>2015</v>
          </cell>
          <cell r="AU6392">
            <v>7</v>
          </cell>
        </row>
        <row r="6393">
          <cell r="C6393">
            <v>1.2474000000000001</v>
          </cell>
          <cell r="AT6393">
            <v>2015</v>
          </cell>
          <cell r="AU6393">
            <v>7</v>
          </cell>
        </row>
        <row r="6394">
          <cell r="C6394">
            <v>1.2565999999999999</v>
          </cell>
          <cell r="AT6394">
            <v>2015</v>
          </cell>
          <cell r="AU6394">
            <v>7</v>
          </cell>
        </row>
        <row r="6395">
          <cell r="C6395">
            <v>1.2565999999999999</v>
          </cell>
          <cell r="AT6395">
            <v>2015</v>
          </cell>
          <cell r="AU6395">
            <v>7</v>
          </cell>
        </row>
        <row r="6396">
          <cell r="C6396">
            <v>1.2565999999999999</v>
          </cell>
          <cell r="AT6396">
            <v>2015</v>
          </cell>
          <cell r="AU6396">
            <v>7</v>
          </cell>
        </row>
        <row r="6397">
          <cell r="C6397">
            <v>1.2565999999999999</v>
          </cell>
          <cell r="AT6397">
            <v>2015</v>
          </cell>
          <cell r="AU6397">
            <v>7</v>
          </cell>
        </row>
        <row r="6398">
          <cell r="C6398">
            <v>1.2625999999999999</v>
          </cell>
          <cell r="AT6398">
            <v>2015</v>
          </cell>
          <cell r="AU6398">
            <v>7</v>
          </cell>
        </row>
        <row r="6399">
          <cell r="C6399">
            <v>1.274</v>
          </cell>
          <cell r="AT6399">
            <v>2015</v>
          </cell>
          <cell r="AU6399">
            <v>7</v>
          </cell>
        </row>
        <row r="6400">
          <cell r="C6400">
            <v>1.2722</v>
          </cell>
          <cell r="AT6400">
            <v>2015</v>
          </cell>
          <cell r="AU6400">
            <v>7</v>
          </cell>
        </row>
        <row r="6401">
          <cell r="C6401">
            <v>1.2728999999999999</v>
          </cell>
          <cell r="AT6401">
            <v>2015</v>
          </cell>
          <cell r="AU6401">
            <v>7</v>
          </cell>
        </row>
        <row r="6402">
          <cell r="C6402">
            <v>1.2715000000000001</v>
          </cell>
          <cell r="AT6402">
            <v>2015</v>
          </cell>
          <cell r="AU6402">
            <v>7</v>
          </cell>
        </row>
        <row r="6403">
          <cell r="C6403">
            <v>1.2715000000000001</v>
          </cell>
          <cell r="AT6403">
            <v>2015</v>
          </cell>
          <cell r="AU6403">
            <v>7</v>
          </cell>
        </row>
        <row r="6404">
          <cell r="C6404">
            <v>1.2715000000000001</v>
          </cell>
          <cell r="AT6404">
            <v>2015</v>
          </cell>
          <cell r="AU6404">
            <v>7</v>
          </cell>
        </row>
        <row r="6405">
          <cell r="C6405">
            <v>1.2762</v>
          </cell>
          <cell r="AT6405">
            <v>2015</v>
          </cell>
          <cell r="AU6405">
            <v>7</v>
          </cell>
        </row>
        <row r="6406">
          <cell r="C6406">
            <v>1.2747999999999999</v>
          </cell>
          <cell r="AT6406">
            <v>2015</v>
          </cell>
          <cell r="AU6406">
            <v>7</v>
          </cell>
        </row>
        <row r="6407">
          <cell r="C6407">
            <v>1.2937000000000001</v>
          </cell>
          <cell r="AT6407">
            <v>2015</v>
          </cell>
          <cell r="AU6407">
            <v>7</v>
          </cell>
        </row>
        <row r="6408">
          <cell r="C6408">
            <v>1.2939000000000001</v>
          </cell>
          <cell r="AT6408">
            <v>2015</v>
          </cell>
          <cell r="AU6408">
            <v>7</v>
          </cell>
        </row>
        <row r="6409">
          <cell r="C6409">
            <v>1.2998000000000001</v>
          </cell>
          <cell r="AT6409">
            <v>2015</v>
          </cell>
          <cell r="AU6409">
            <v>7</v>
          </cell>
        </row>
        <row r="6410">
          <cell r="C6410">
            <v>1.2998000000000001</v>
          </cell>
          <cell r="AT6410">
            <v>2015</v>
          </cell>
          <cell r="AU6410">
            <v>7</v>
          </cell>
        </row>
        <row r="6411">
          <cell r="C6411">
            <v>1.2998000000000001</v>
          </cell>
          <cell r="AT6411">
            <v>2015</v>
          </cell>
          <cell r="AU6411">
            <v>7</v>
          </cell>
        </row>
        <row r="6412">
          <cell r="C6412">
            <v>1.2982</v>
          </cell>
          <cell r="AT6412">
            <v>2015</v>
          </cell>
          <cell r="AU6412">
            <v>7</v>
          </cell>
        </row>
        <row r="6413">
          <cell r="C6413">
            <v>1.2961</v>
          </cell>
          <cell r="AT6413">
            <v>2015</v>
          </cell>
          <cell r="AU6413">
            <v>7</v>
          </cell>
        </row>
        <row r="6414">
          <cell r="C6414">
            <v>1.3026</v>
          </cell>
          <cell r="AT6414">
            <v>2015</v>
          </cell>
          <cell r="AU6414">
            <v>7</v>
          </cell>
        </row>
        <row r="6415">
          <cell r="C6415">
            <v>1.3029999999999999</v>
          </cell>
          <cell r="AT6415">
            <v>2015</v>
          </cell>
          <cell r="AU6415">
            <v>7</v>
          </cell>
        </row>
        <row r="6416">
          <cell r="C6416">
            <v>1.306</v>
          </cell>
          <cell r="AT6416">
            <v>2015</v>
          </cell>
          <cell r="AU6416">
            <v>7</v>
          </cell>
        </row>
        <row r="6417">
          <cell r="C6417">
            <v>1.306</v>
          </cell>
          <cell r="AT6417">
            <v>2015</v>
          </cell>
          <cell r="AU6417">
            <v>7</v>
          </cell>
        </row>
        <row r="6418">
          <cell r="C6418">
            <v>1.306</v>
          </cell>
          <cell r="AT6418">
            <v>2015</v>
          </cell>
          <cell r="AU6418">
            <v>7</v>
          </cell>
        </row>
        <row r="6419">
          <cell r="C6419">
            <v>1.3008999999999999</v>
          </cell>
          <cell r="AT6419">
            <v>2015</v>
          </cell>
          <cell r="AU6419">
            <v>7</v>
          </cell>
        </row>
        <row r="6420">
          <cell r="C6420">
            <v>1.2934000000000001</v>
          </cell>
          <cell r="AT6420">
            <v>2015</v>
          </cell>
          <cell r="AU6420">
            <v>7</v>
          </cell>
        </row>
        <row r="6421">
          <cell r="C6421">
            <v>1.2892999999999999</v>
          </cell>
          <cell r="AT6421">
            <v>2015</v>
          </cell>
          <cell r="AU6421">
            <v>7</v>
          </cell>
        </row>
        <row r="6422">
          <cell r="C6422">
            <v>1.3026</v>
          </cell>
          <cell r="AT6422">
            <v>2015</v>
          </cell>
          <cell r="AU6422">
            <v>7</v>
          </cell>
        </row>
        <row r="6423">
          <cell r="C6423">
            <v>1.3046314416177431</v>
          </cell>
          <cell r="AT6423">
            <v>2015</v>
          </cell>
          <cell r="AU6423">
            <v>8</v>
          </cell>
        </row>
        <row r="6424">
          <cell r="C6424">
            <v>1.3046314416177431</v>
          </cell>
          <cell r="AT6424">
            <v>2015</v>
          </cell>
          <cell r="AU6424">
            <v>8</v>
          </cell>
        </row>
        <row r="6425">
          <cell r="C6425">
            <v>1.3046314416177431</v>
          </cell>
          <cell r="AT6425">
            <v>2015</v>
          </cell>
          <cell r="AU6425">
            <v>8</v>
          </cell>
        </row>
        <row r="6426">
          <cell r="C6426">
            <v>1.3046314416177431</v>
          </cell>
          <cell r="AT6426">
            <v>2015</v>
          </cell>
          <cell r="AU6426">
            <v>8</v>
          </cell>
        </row>
        <row r="6427">
          <cell r="C6427">
            <v>1.3125</v>
          </cell>
          <cell r="AT6427">
            <v>2015</v>
          </cell>
          <cell r="AU6427">
            <v>8</v>
          </cell>
        </row>
        <row r="6428">
          <cell r="C6428">
            <v>1.3183</v>
          </cell>
          <cell r="AT6428">
            <v>2015</v>
          </cell>
          <cell r="AU6428">
            <v>8</v>
          </cell>
        </row>
        <row r="6429">
          <cell r="C6429">
            <v>1.3151999999999999</v>
          </cell>
          <cell r="AT6429">
            <v>2015</v>
          </cell>
          <cell r="AU6429">
            <v>8</v>
          </cell>
        </row>
        <row r="6430">
          <cell r="C6430">
            <v>1.3122</v>
          </cell>
          <cell r="AT6430">
            <v>2015</v>
          </cell>
          <cell r="AU6430">
            <v>8</v>
          </cell>
        </row>
        <row r="6431">
          <cell r="C6431">
            <v>1.3122</v>
          </cell>
          <cell r="AT6431">
            <v>2015</v>
          </cell>
          <cell r="AU6431">
            <v>8</v>
          </cell>
        </row>
        <row r="6432">
          <cell r="C6432">
            <v>1.3122</v>
          </cell>
          <cell r="AT6432">
            <v>2015</v>
          </cell>
          <cell r="AU6432">
            <v>8</v>
          </cell>
        </row>
        <row r="6433">
          <cell r="C6433">
            <v>1.3056000000000001</v>
          </cell>
          <cell r="AT6433">
            <v>2015</v>
          </cell>
          <cell r="AU6433">
            <v>8</v>
          </cell>
        </row>
        <row r="6434">
          <cell r="C6434">
            <v>1.3148</v>
          </cell>
          <cell r="AT6434">
            <v>2015</v>
          </cell>
          <cell r="AU6434">
            <v>8</v>
          </cell>
        </row>
        <row r="6435">
          <cell r="C6435">
            <v>1.2972999999999999</v>
          </cell>
          <cell r="AT6435">
            <v>2015</v>
          </cell>
          <cell r="AU6435">
            <v>8</v>
          </cell>
        </row>
        <row r="6436">
          <cell r="C6436">
            <v>1.3078000000000001</v>
          </cell>
          <cell r="AT6436">
            <v>2015</v>
          </cell>
          <cell r="AU6436">
            <v>8</v>
          </cell>
        </row>
        <row r="6437">
          <cell r="C6437">
            <v>1.3078000000000001</v>
          </cell>
          <cell r="AT6437">
            <v>2015</v>
          </cell>
          <cell r="AU6437">
            <v>8</v>
          </cell>
        </row>
        <row r="6438">
          <cell r="C6438">
            <v>1.3078000000000001</v>
          </cell>
          <cell r="AT6438">
            <v>2015</v>
          </cell>
          <cell r="AU6438">
            <v>8</v>
          </cell>
        </row>
        <row r="6439">
          <cell r="C6439">
            <v>1.3078000000000001</v>
          </cell>
          <cell r="AT6439">
            <v>2015</v>
          </cell>
          <cell r="AU6439">
            <v>8</v>
          </cell>
        </row>
        <row r="6440">
          <cell r="C6440">
            <v>1.3090999999999999</v>
          </cell>
          <cell r="AT6440">
            <v>2015</v>
          </cell>
          <cell r="AU6440">
            <v>8</v>
          </cell>
        </row>
        <row r="6441">
          <cell r="C6441">
            <v>1.3072999999999999</v>
          </cell>
          <cell r="AT6441">
            <v>2015</v>
          </cell>
          <cell r="AU6441">
            <v>8</v>
          </cell>
        </row>
        <row r="6442">
          <cell r="C6442">
            <v>1.3165</v>
          </cell>
          <cell r="AT6442">
            <v>2015</v>
          </cell>
          <cell r="AU6442">
            <v>8</v>
          </cell>
        </row>
        <row r="6443">
          <cell r="C6443">
            <v>1.3080000000000001</v>
          </cell>
          <cell r="AT6443">
            <v>2015</v>
          </cell>
          <cell r="AU6443">
            <v>8</v>
          </cell>
        </row>
        <row r="6444">
          <cell r="C6444">
            <v>1.3149</v>
          </cell>
          <cell r="AT6444">
            <v>2015</v>
          </cell>
          <cell r="AU6444">
            <v>8</v>
          </cell>
        </row>
        <row r="6445">
          <cell r="C6445">
            <v>1.3149</v>
          </cell>
          <cell r="AT6445">
            <v>2015</v>
          </cell>
          <cell r="AU6445">
            <v>8</v>
          </cell>
        </row>
        <row r="6446">
          <cell r="C6446">
            <v>1.3149</v>
          </cell>
          <cell r="AT6446">
            <v>2015</v>
          </cell>
          <cell r="AU6446">
            <v>8</v>
          </cell>
        </row>
        <row r="6447">
          <cell r="C6447">
            <v>1.3212999999999999</v>
          </cell>
          <cell r="AT6447">
            <v>2015</v>
          </cell>
          <cell r="AU6447">
            <v>8</v>
          </cell>
        </row>
        <row r="6448">
          <cell r="C6448">
            <v>1.3295999999999999</v>
          </cell>
          <cell r="AT6448">
            <v>2015</v>
          </cell>
          <cell r="AU6448">
            <v>8</v>
          </cell>
        </row>
        <row r="6449">
          <cell r="C6449">
            <v>1.3303</v>
          </cell>
          <cell r="AT6449">
            <v>2015</v>
          </cell>
          <cell r="AU6449">
            <v>8</v>
          </cell>
        </row>
        <row r="6450">
          <cell r="C6450">
            <v>1.3197000000000001</v>
          </cell>
          <cell r="AT6450">
            <v>2015</v>
          </cell>
          <cell r="AU6450">
            <v>8</v>
          </cell>
        </row>
        <row r="6451">
          <cell r="C6451">
            <v>1.3269</v>
          </cell>
          <cell r="AT6451">
            <v>2015</v>
          </cell>
          <cell r="AU6451">
            <v>8</v>
          </cell>
        </row>
        <row r="6452">
          <cell r="C6452">
            <v>1.3269</v>
          </cell>
          <cell r="AT6452">
            <v>2015</v>
          </cell>
          <cell r="AU6452">
            <v>8</v>
          </cell>
        </row>
        <row r="6453">
          <cell r="C6453">
            <v>1.3269</v>
          </cell>
          <cell r="AT6453">
            <v>2015</v>
          </cell>
          <cell r="AU6453">
            <v>8</v>
          </cell>
        </row>
        <row r="6454">
          <cell r="C6454">
            <v>1.3223</v>
          </cell>
          <cell r="AT6454">
            <v>2015</v>
          </cell>
          <cell r="AU6454">
            <v>9</v>
          </cell>
        </row>
        <row r="6455">
          <cell r="C6455">
            <v>1.3179000000000001</v>
          </cell>
          <cell r="AT6455">
            <v>2015</v>
          </cell>
          <cell r="AU6455">
            <v>9</v>
          </cell>
        </row>
        <row r="6456">
          <cell r="C6456">
            <v>1.3310999999999999</v>
          </cell>
          <cell r="AT6456">
            <v>2015</v>
          </cell>
          <cell r="AU6456">
            <v>9</v>
          </cell>
        </row>
        <row r="6457">
          <cell r="C6457">
            <v>1.3199000000000001</v>
          </cell>
          <cell r="AT6457">
            <v>2015</v>
          </cell>
          <cell r="AU6457">
            <v>9</v>
          </cell>
        </row>
        <row r="6458">
          <cell r="C6458">
            <v>1.3272999999999999</v>
          </cell>
          <cell r="AT6458">
            <v>2015</v>
          </cell>
          <cell r="AU6458">
            <v>9</v>
          </cell>
        </row>
        <row r="6459">
          <cell r="C6459">
            <v>1.3272999999999999</v>
          </cell>
          <cell r="AT6459">
            <v>2015</v>
          </cell>
          <cell r="AU6459">
            <v>9</v>
          </cell>
        </row>
        <row r="6460">
          <cell r="C6460">
            <v>1.3272999999999999</v>
          </cell>
          <cell r="AT6460">
            <v>2015</v>
          </cell>
          <cell r="AU6460">
            <v>9</v>
          </cell>
        </row>
        <row r="6461">
          <cell r="C6461">
            <v>1.3272999999999999</v>
          </cell>
          <cell r="AT6461">
            <v>2015</v>
          </cell>
          <cell r="AU6461">
            <v>9</v>
          </cell>
        </row>
        <row r="6462">
          <cell r="C6462">
            <v>1.3194999999999999</v>
          </cell>
          <cell r="AT6462">
            <v>2015</v>
          </cell>
          <cell r="AU6462">
            <v>9</v>
          </cell>
        </row>
        <row r="6463">
          <cell r="C6463">
            <v>1.3223</v>
          </cell>
          <cell r="AT6463">
            <v>2015</v>
          </cell>
          <cell r="AU6463">
            <v>9</v>
          </cell>
        </row>
        <row r="6464">
          <cell r="C6464">
            <v>1.3219000000000001</v>
          </cell>
          <cell r="AT6464">
            <v>2015</v>
          </cell>
          <cell r="AU6464">
            <v>9</v>
          </cell>
        </row>
        <row r="6465">
          <cell r="C6465">
            <v>1.3275999999999999</v>
          </cell>
          <cell r="AT6465">
            <v>2015</v>
          </cell>
          <cell r="AU6465">
            <v>9</v>
          </cell>
        </row>
        <row r="6466">
          <cell r="C6466">
            <v>1.3275999999999999</v>
          </cell>
          <cell r="AT6466">
            <v>2015</v>
          </cell>
          <cell r="AU6466">
            <v>9</v>
          </cell>
        </row>
        <row r="6467">
          <cell r="C6467">
            <v>1.3275999999999999</v>
          </cell>
          <cell r="AT6467">
            <v>2015</v>
          </cell>
          <cell r="AU6467">
            <v>9</v>
          </cell>
        </row>
        <row r="6468">
          <cell r="C6468">
            <v>1.327</v>
          </cell>
          <cell r="AT6468">
            <v>2015</v>
          </cell>
          <cell r="AU6468">
            <v>9</v>
          </cell>
        </row>
        <row r="6469">
          <cell r="C6469">
            <v>1.3263</v>
          </cell>
          <cell r="AT6469">
            <v>2015</v>
          </cell>
          <cell r="AU6469">
            <v>9</v>
          </cell>
        </row>
        <row r="6470">
          <cell r="C6470">
            <v>1.3178000000000001</v>
          </cell>
          <cell r="AT6470">
            <v>2015</v>
          </cell>
          <cell r="AU6470">
            <v>9</v>
          </cell>
        </row>
        <row r="6471">
          <cell r="C6471">
            <v>1.3186</v>
          </cell>
          <cell r="AT6471">
            <v>2015</v>
          </cell>
          <cell r="AU6471">
            <v>9</v>
          </cell>
        </row>
        <row r="6472">
          <cell r="C6472">
            <v>1.3147</v>
          </cell>
          <cell r="AT6472">
            <v>2015</v>
          </cell>
          <cell r="AU6472">
            <v>9</v>
          </cell>
        </row>
        <row r="6473">
          <cell r="C6473">
            <v>1.3147</v>
          </cell>
          <cell r="AT6473">
            <v>2015</v>
          </cell>
          <cell r="AU6473">
            <v>9</v>
          </cell>
        </row>
        <row r="6474">
          <cell r="C6474">
            <v>1.3147</v>
          </cell>
          <cell r="AT6474">
            <v>2015</v>
          </cell>
          <cell r="AU6474">
            <v>9</v>
          </cell>
        </row>
        <row r="6475">
          <cell r="C6475">
            <v>1.325</v>
          </cell>
          <cell r="AT6475">
            <v>2015</v>
          </cell>
          <cell r="AU6475">
            <v>9</v>
          </cell>
        </row>
        <row r="6476">
          <cell r="C6476">
            <v>1.3278000000000001</v>
          </cell>
          <cell r="AT6476">
            <v>2015</v>
          </cell>
          <cell r="AU6476">
            <v>9</v>
          </cell>
        </row>
        <row r="6477">
          <cell r="C6477">
            <v>1.3314999999999999</v>
          </cell>
          <cell r="AT6477">
            <v>2015</v>
          </cell>
          <cell r="AU6477">
            <v>9</v>
          </cell>
        </row>
        <row r="6478">
          <cell r="C6478">
            <v>1.3351</v>
          </cell>
          <cell r="AT6478">
            <v>2015</v>
          </cell>
          <cell r="AU6478">
            <v>9</v>
          </cell>
        </row>
        <row r="6479">
          <cell r="C6479">
            <v>1.3325</v>
          </cell>
          <cell r="AT6479">
            <v>2015</v>
          </cell>
          <cell r="AU6479">
            <v>9</v>
          </cell>
        </row>
        <row r="6480">
          <cell r="C6480">
            <v>1.3325</v>
          </cell>
          <cell r="AT6480">
            <v>2015</v>
          </cell>
          <cell r="AU6480">
            <v>9</v>
          </cell>
        </row>
        <row r="6481">
          <cell r="C6481">
            <v>1.3325</v>
          </cell>
          <cell r="AT6481">
            <v>2015</v>
          </cell>
          <cell r="AU6481">
            <v>9</v>
          </cell>
        </row>
        <row r="6482">
          <cell r="C6482">
            <v>1.3361000000000001</v>
          </cell>
          <cell r="AT6482">
            <v>2015</v>
          </cell>
          <cell r="AU6482">
            <v>9</v>
          </cell>
        </row>
        <row r="6483">
          <cell r="C6483">
            <v>1.3412999999999999</v>
          </cell>
          <cell r="AT6483">
            <v>2015</v>
          </cell>
          <cell r="AU6483">
            <v>9</v>
          </cell>
        </row>
        <row r="6484">
          <cell r="C6484">
            <v>1.3393999999999999</v>
          </cell>
          <cell r="AT6484">
            <v>2015</v>
          </cell>
          <cell r="AU6484">
            <v>10</v>
          </cell>
        </row>
        <row r="6485">
          <cell r="C6485">
            <v>1.3242</v>
          </cell>
          <cell r="AT6485">
            <v>2015</v>
          </cell>
          <cell r="AU6485">
            <v>10</v>
          </cell>
        </row>
        <row r="6486">
          <cell r="C6486">
            <v>1.3213999999999999</v>
          </cell>
          <cell r="AT6486">
            <v>2015</v>
          </cell>
          <cell r="AU6486">
            <v>10</v>
          </cell>
        </row>
        <row r="6487">
          <cell r="C6487">
            <v>1.3213999999999999</v>
          </cell>
          <cell r="AT6487">
            <v>2015</v>
          </cell>
          <cell r="AU6487">
            <v>10</v>
          </cell>
        </row>
        <row r="6488">
          <cell r="C6488">
            <v>1.3213999999999999</v>
          </cell>
          <cell r="AT6488">
            <v>2015</v>
          </cell>
          <cell r="AU6488">
            <v>10</v>
          </cell>
        </row>
        <row r="6489">
          <cell r="C6489">
            <v>1.3085</v>
          </cell>
          <cell r="AT6489">
            <v>2015</v>
          </cell>
          <cell r="AU6489">
            <v>10</v>
          </cell>
        </row>
        <row r="6490">
          <cell r="C6490">
            <v>1.3056000000000001</v>
          </cell>
          <cell r="AT6490">
            <v>2015</v>
          </cell>
          <cell r="AU6490">
            <v>10</v>
          </cell>
        </row>
        <row r="6491">
          <cell r="C6491">
            <v>1.3036000000000001</v>
          </cell>
          <cell r="AT6491">
            <v>2015</v>
          </cell>
          <cell r="AU6491">
            <v>10</v>
          </cell>
        </row>
        <row r="6492">
          <cell r="C6492">
            <v>1.3018000000000001</v>
          </cell>
          <cell r="AT6492">
            <v>2015</v>
          </cell>
          <cell r="AU6492">
            <v>10</v>
          </cell>
        </row>
        <row r="6493">
          <cell r="C6493">
            <v>1.2946</v>
          </cell>
          <cell r="AT6493">
            <v>2015</v>
          </cell>
          <cell r="AU6493">
            <v>10</v>
          </cell>
        </row>
        <row r="6494">
          <cell r="C6494">
            <v>1.2946</v>
          </cell>
          <cell r="AT6494">
            <v>2015</v>
          </cell>
          <cell r="AU6494">
            <v>10</v>
          </cell>
        </row>
        <row r="6495">
          <cell r="C6495">
            <v>1.2946</v>
          </cell>
          <cell r="AT6495">
            <v>2015</v>
          </cell>
          <cell r="AU6495">
            <v>10</v>
          </cell>
        </row>
        <row r="6496">
          <cell r="C6496">
            <v>1.2946</v>
          </cell>
          <cell r="AT6496">
            <v>2015</v>
          </cell>
          <cell r="AU6496">
            <v>10</v>
          </cell>
        </row>
        <row r="6497">
          <cell r="C6497">
            <v>1.2986</v>
          </cell>
          <cell r="AT6497">
            <v>2015</v>
          </cell>
          <cell r="AU6497">
            <v>10</v>
          </cell>
        </row>
        <row r="6498">
          <cell r="C6498">
            <v>1.2982</v>
          </cell>
          <cell r="AT6498">
            <v>2015</v>
          </cell>
          <cell r="AU6498">
            <v>10</v>
          </cell>
        </row>
        <row r="6499">
          <cell r="C6499">
            <v>1.2904</v>
          </cell>
          <cell r="AT6499">
            <v>2015</v>
          </cell>
          <cell r="AU6499">
            <v>10</v>
          </cell>
        </row>
        <row r="6500">
          <cell r="C6500">
            <v>1.2932999999999999</v>
          </cell>
          <cell r="AT6500">
            <v>2015</v>
          </cell>
          <cell r="AU6500">
            <v>10</v>
          </cell>
        </row>
        <row r="6501">
          <cell r="C6501">
            <v>1.2932999999999999</v>
          </cell>
          <cell r="AT6501">
            <v>2015</v>
          </cell>
          <cell r="AU6501">
            <v>10</v>
          </cell>
        </row>
        <row r="6502">
          <cell r="C6502">
            <v>1.2932999999999999</v>
          </cell>
          <cell r="AT6502">
            <v>2015</v>
          </cell>
          <cell r="AU6502">
            <v>10</v>
          </cell>
        </row>
        <row r="6503">
          <cell r="C6503">
            <v>1.2998000000000001</v>
          </cell>
          <cell r="AT6503">
            <v>2015</v>
          </cell>
          <cell r="AU6503">
            <v>10</v>
          </cell>
        </row>
        <row r="6504">
          <cell r="C6504">
            <v>1.2974000000000001</v>
          </cell>
          <cell r="AT6504">
            <v>2015</v>
          </cell>
          <cell r="AU6504">
            <v>10</v>
          </cell>
        </row>
        <row r="6505">
          <cell r="C6505">
            <v>1.3116000000000001</v>
          </cell>
          <cell r="AT6505">
            <v>2015</v>
          </cell>
          <cell r="AU6505">
            <v>10</v>
          </cell>
        </row>
        <row r="6506">
          <cell r="C6506">
            <v>1.3088</v>
          </cell>
          <cell r="AT6506">
            <v>2015</v>
          </cell>
          <cell r="AU6506">
            <v>10</v>
          </cell>
        </row>
        <row r="6507">
          <cell r="C6507">
            <v>1.3171999999999999</v>
          </cell>
          <cell r="AT6507">
            <v>2015</v>
          </cell>
          <cell r="AU6507">
            <v>10</v>
          </cell>
        </row>
        <row r="6508">
          <cell r="C6508">
            <v>1.3171999999999999</v>
          </cell>
          <cell r="AT6508">
            <v>2015</v>
          </cell>
          <cell r="AU6508">
            <v>10</v>
          </cell>
        </row>
        <row r="6509">
          <cell r="C6509">
            <v>1.3171999999999999</v>
          </cell>
          <cell r="AT6509">
            <v>2015</v>
          </cell>
          <cell r="AU6509">
            <v>10</v>
          </cell>
        </row>
        <row r="6510">
          <cell r="C6510">
            <v>1.3133999999999999</v>
          </cell>
          <cell r="AT6510">
            <v>2015</v>
          </cell>
          <cell r="AU6510">
            <v>10</v>
          </cell>
        </row>
        <row r="6511">
          <cell r="C6511">
            <v>1.3241000000000001</v>
          </cell>
          <cell r="AT6511">
            <v>2015</v>
          </cell>
          <cell r="AU6511">
            <v>10</v>
          </cell>
        </row>
        <row r="6512">
          <cell r="C6512">
            <v>1.3148</v>
          </cell>
          <cell r="AT6512">
            <v>2015</v>
          </cell>
          <cell r="AU6512">
            <v>10</v>
          </cell>
        </row>
        <row r="6513">
          <cell r="C6513">
            <v>1.3169999999999999</v>
          </cell>
          <cell r="AT6513">
            <v>2015</v>
          </cell>
          <cell r="AU6513">
            <v>10</v>
          </cell>
        </row>
        <row r="6514">
          <cell r="C6514">
            <v>1.3083</v>
          </cell>
          <cell r="AT6514">
            <v>2015</v>
          </cell>
          <cell r="AU6514">
            <v>10</v>
          </cell>
        </row>
        <row r="6515">
          <cell r="C6515">
            <v>1.3083</v>
          </cell>
          <cell r="AT6515">
            <v>2015</v>
          </cell>
          <cell r="AU6515">
            <v>11</v>
          </cell>
        </row>
        <row r="6516">
          <cell r="C6516">
            <v>1.3083</v>
          </cell>
          <cell r="AT6516">
            <v>2015</v>
          </cell>
          <cell r="AU6516">
            <v>11</v>
          </cell>
        </row>
        <row r="6517">
          <cell r="C6517">
            <v>1.3095000000000001</v>
          </cell>
          <cell r="AT6517">
            <v>2015</v>
          </cell>
          <cell r="AU6517">
            <v>11</v>
          </cell>
        </row>
        <row r="6518">
          <cell r="C6518">
            <v>1.3106</v>
          </cell>
          <cell r="AT6518">
            <v>2015</v>
          </cell>
          <cell r="AU6518">
            <v>11</v>
          </cell>
        </row>
        <row r="6519">
          <cell r="C6519">
            <v>1.3164</v>
          </cell>
          <cell r="AT6519">
            <v>2015</v>
          </cell>
          <cell r="AU6519">
            <v>11</v>
          </cell>
        </row>
        <row r="6520">
          <cell r="C6520">
            <v>1.3167</v>
          </cell>
          <cell r="AT6520">
            <v>2015</v>
          </cell>
          <cell r="AU6520">
            <v>11</v>
          </cell>
        </row>
        <row r="6521">
          <cell r="C6521">
            <v>1.3308</v>
          </cell>
          <cell r="AT6521">
            <v>2015</v>
          </cell>
          <cell r="AU6521">
            <v>11</v>
          </cell>
        </row>
        <row r="6522">
          <cell r="C6522">
            <v>1.3308</v>
          </cell>
          <cell r="AT6522">
            <v>2015</v>
          </cell>
          <cell r="AU6522">
            <v>11</v>
          </cell>
        </row>
        <row r="6523">
          <cell r="C6523">
            <v>1.3308</v>
          </cell>
          <cell r="AT6523">
            <v>2015</v>
          </cell>
          <cell r="AU6523">
            <v>11</v>
          </cell>
        </row>
        <row r="6524">
          <cell r="C6524">
            <v>1.3274999999999999</v>
          </cell>
          <cell r="AT6524">
            <v>2015</v>
          </cell>
          <cell r="AU6524">
            <v>11</v>
          </cell>
        </row>
        <row r="6525">
          <cell r="C6525">
            <v>1.3259000000000001</v>
          </cell>
          <cell r="AT6525">
            <v>2015</v>
          </cell>
          <cell r="AU6525">
            <v>11</v>
          </cell>
        </row>
        <row r="6526">
          <cell r="C6526">
            <v>1.3259000000000001</v>
          </cell>
          <cell r="AT6526">
            <v>2015</v>
          </cell>
          <cell r="AU6526">
            <v>11</v>
          </cell>
        </row>
        <row r="6527">
          <cell r="C6527">
            <v>1.3307</v>
          </cell>
          <cell r="AT6527">
            <v>2015</v>
          </cell>
          <cell r="AU6527">
            <v>11</v>
          </cell>
        </row>
        <row r="6528">
          <cell r="C6528">
            <v>1.3331999999999999</v>
          </cell>
          <cell r="AT6528">
            <v>2015</v>
          </cell>
          <cell r="AU6528">
            <v>11</v>
          </cell>
        </row>
        <row r="6529">
          <cell r="C6529">
            <v>1.3331999999999999</v>
          </cell>
          <cell r="AT6529">
            <v>2015</v>
          </cell>
          <cell r="AU6529">
            <v>11</v>
          </cell>
        </row>
        <row r="6530">
          <cell r="C6530">
            <v>1.3331999999999999</v>
          </cell>
          <cell r="AT6530">
            <v>2015</v>
          </cell>
          <cell r="AU6530">
            <v>11</v>
          </cell>
        </row>
        <row r="6531">
          <cell r="C6531">
            <v>1.3352999999999999</v>
          </cell>
          <cell r="AT6531">
            <v>2015</v>
          </cell>
          <cell r="AU6531">
            <v>11</v>
          </cell>
        </row>
        <row r="6532">
          <cell r="C6532">
            <v>1.3324</v>
          </cell>
          <cell r="AT6532">
            <v>2015</v>
          </cell>
          <cell r="AU6532">
            <v>11</v>
          </cell>
        </row>
        <row r="6533">
          <cell r="C6533">
            <v>1.3352999999999999</v>
          </cell>
          <cell r="AT6533">
            <v>2015</v>
          </cell>
          <cell r="AU6533">
            <v>11</v>
          </cell>
        </row>
        <row r="6534">
          <cell r="C6534">
            <v>1.3267</v>
          </cell>
          <cell r="AT6534">
            <v>2015</v>
          </cell>
          <cell r="AU6534">
            <v>11</v>
          </cell>
        </row>
        <row r="6535">
          <cell r="C6535">
            <v>1.3338000000000001</v>
          </cell>
          <cell r="AT6535">
            <v>2015</v>
          </cell>
          <cell r="AU6535">
            <v>11</v>
          </cell>
        </row>
        <row r="6536">
          <cell r="C6536">
            <v>1.3338000000000001</v>
          </cell>
          <cell r="AT6536">
            <v>2015</v>
          </cell>
          <cell r="AU6536">
            <v>11</v>
          </cell>
        </row>
        <row r="6537">
          <cell r="C6537">
            <v>1.3338000000000001</v>
          </cell>
          <cell r="AT6537">
            <v>2015</v>
          </cell>
          <cell r="AU6537">
            <v>11</v>
          </cell>
        </row>
        <row r="6538">
          <cell r="C6538">
            <v>1.3357000000000001</v>
          </cell>
          <cell r="AT6538">
            <v>2015</v>
          </cell>
          <cell r="AU6538">
            <v>11</v>
          </cell>
        </row>
        <row r="6539">
          <cell r="C6539">
            <v>1.3308</v>
          </cell>
          <cell r="AT6539">
            <v>2015</v>
          </cell>
          <cell r="AU6539">
            <v>11</v>
          </cell>
        </row>
        <row r="6540">
          <cell r="C6540">
            <v>1.3301000000000001</v>
          </cell>
          <cell r="AT6540">
            <v>2015</v>
          </cell>
          <cell r="AU6540">
            <v>11</v>
          </cell>
        </row>
        <row r="6541">
          <cell r="C6541">
            <v>1.33</v>
          </cell>
          <cell r="AT6541">
            <v>2015</v>
          </cell>
          <cell r="AU6541">
            <v>11</v>
          </cell>
        </row>
        <row r="6542">
          <cell r="C6542">
            <v>1.3360000000000001</v>
          </cell>
          <cell r="AT6542">
            <v>2015</v>
          </cell>
          <cell r="AU6542">
            <v>11</v>
          </cell>
        </row>
        <row r="6543">
          <cell r="C6543">
            <v>1.3360000000000001</v>
          </cell>
          <cell r="AT6543">
            <v>2015</v>
          </cell>
          <cell r="AU6543">
            <v>11</v>
          </cell>
        </row>
        <row r="6544">
          <cell r="C6544">
            <v>1.3360000000000001</v>
          </cell>
          <cell r="AT6544">
            <v>2015</v>
          </cell>
          <cell r="AU6544">
            <v>11</v>
          </cell>
        </row>
        <row r="6545">
          <cell r="C6545">
            <v>1.3332999999999999</v>
          </cell>
          <cell r="AT6545">
            <v>2015</v>
          </cell>
          <cell r="AU6545">
            <v>12</v>
          </cell>
        </row>
        <row r="6546">
          <cell r="C6546">
            <v>1.3371999999999999</v>
          </cell>
          <cell r="AT6546">
            <v>2015</v>
          </cell>
          <cell r="AU6546">
            <v>12</v>
          </cell>
        </row>
        <row r="6547">
          <cell r="C6547">
            <v>1.3360000000000001</v>
          </cell>
          <cell r="AT6547">
            <v>2015</v>
          </cell>
          <cell r="AU6547">
            <v>12</v>
          </cell>
        </row>
        <row r="6548">
          <cell r="C6548">
            <v>1.3393999999999999</v>
          </cell>
          <cell r="AT6548">
            <v>2015</v>
          </cell>
          <cell r="AU6548">
            <v>12</v>
          </cell>
        </row>
        <row r="6549">
          <cell r="C6549">
            <v>1.3365</v>
          </cell>
          <cell r="AT6549">
            <v>2015</v>
          </cell>
          <cell r="AU6549">
            <v>12</v>
          </cell>
        </row>
        <row r="6550">
          <cell r="C6550">
            <v>1.3365</v>
          </cell>
          <cell r="AT6550">
            <v>2015</v>
          </cell>
          <cell r="AU6550">
            <v>12</v>
          </cell>
        </row>
        <row r="6551">
          <cell r="C6551">
            <v>1.3365</v>
          </cell>
          <cell r="AT6551">
            <v>2015</v>
          </cell>
          <cell r="AU6551">
            <v>12</v>
          </cell>
        </row>
        <row r="6552">
          <cell r="C6552">
            <v>1.3508</v>
          </cell>
          <cell r="AT6552">
            <v>2015</v>
          </cell>
          <cell r="AU6552">
            <v>12</v>
          </cell>
        </row>
        <row r="6553">
          <cell r="C6553">
            <v>1.3593</v>
          </cell>
          <cell r="AT6553">
            <v>2015</v>
          </cell>
          <cell r="AU6553">
            <v>12</v>
          </cell>
        </row>
        <row r="6554">
          <cell r="C6554">
            <v>1.3594999999999999</v>
          </cell>
          <cell r="AT6554">
            <v>2015</v>
          </cell>
          <cell r="AU6554">
            <v>12</v>
          </cell>
        </row>
        <row r="6555">
          <cell r="C6555">
            <v>1.3599000000000001</v>
          </cell>
          <cell r="AT6555">
            <v>2015</v>
          </cell>
          <cell r="AU6555">
            <v>12</v>
          </cell>
        </row>
        <row r="6556">
          <cell r="C6556">
            <v>1.3695999999999999</v>
          </cell>
          <cell r="AT6556">
            <v>2015</v>
          </cell>
          <cell r="AU6556">
            <v>12</v>
          </cell>
        </row>
        <row r="6557">
          <cell r="C6557">
            <v>1.3695999999999999</v>
          </cell>
          <cell r="AT6557">
            <v>2015</v>
          </cell>
          <cell r="AU6557">
            <v>12</v>
          </cell>
        </row>
        <row r="6558">
          <cell r="C6558">
            <v>1.3695999999999999</v>
          </cell>
          <cell r="AT6558">
            <v>2015</v>
          </cell>
          <cell r="AU6558">
            <v>12</v>
          </cell>
        </row>
        <row r="6559">
          <cell r="C6559">
            <v>1.3733</v>
          </cell>
          <cell r="AT6559">
            <v>2015</v>
          </cell>
          <cell r="AU6559">
            <v>12</v>
          </cell>
        </row>
        <row r="6560">
          <cell r="C6560">
            <v>1.3728</v>
          </cell>
          <cell r="AT6560">
            <v>2015</v>
          </cell>
          <cell r="AU6560">
            <v>12</v>
          </cell>
        </row>
        <row r="6561">
          <cell r="C6561">
            <v>1.3805000000000001</v>
          </cell>
          <cell r="AT6561">
            <v>2015</v>
          </cell>
          <cell r="AU6561">
            <v>12</v>
          </cell>
        </row>
        <row r="6562">
          <cell r="C6562">
            <v>1.397</v>
          </cell>
          <cell r="AT6562">
            <v>2015</v>
          </cell>
          <cell r="AU6562">
            <v>12</v>
          </cell>
        </row>
        <row r="6563">
          <cell r="C6563">
            <v>1.3882000000000001</v>
          </cell>
          <cell r="AT6563">
            <v>2015</v>
          </cell>
          <cell r="AU6563">
            <v>12</v>
          </cell>
        </row>
        <row r="6564">
          <cell r="C6564">
            <v>1.3882000000000001</v>
          </cell>
          <cell r="AT6564">
            <v>2015</v>
          </cell>
          <cell r="AU6564">
            <v>12</v>
          </cell>
        </row>
        <row r="6565">
          <cell r="C6565">
            <v>1.3882000000000001</v>
          </cell>
          <cell r="AT6565">
            <v>2015</v>
          </cell>
          <cell r="AU6565">
            <v>12</v>
          </cell>
        </row>
        <row r="6566">
          <cell r="C6566">
            <v>1.399</v>
          </cell>
          <cell r="AT6566">
            <v>2015</v>
          </cell>
          <cell r="AU6566">
            <v>12</v>
          </cell>
        </row>
        <row r="6567">
          <cell r="C6567">
            <v>1.3929</v>
          </cell>
          <cell r="AT6567">
            <v>2015</v>
          </cell>
          <cell r="AU6567">
            <v>12</v>
          </cell>
        </row>
        <row r="6568">
          <cell r="C6568">
            <v>1.3859999999999999</v>
          </cell>
          <cell r="AT6568">
            <v>2015</v>
          </cell>
          <cell r="AU6568">
            <v>12</v>
          </cell>
        </row>
        <row r="6569">
          <cell r="C6569">
            <v>1.3845000000000001</v>
          </cell>
          <cell r="AT6569">
            <v>2015</v>
          </cell>
          <cell r="AU6569">
            <v>12</v>
          </cell>
        </row>
        <row r="6570">
          <cell r="C6570">
            <v>1.3845000000000001</v>
          </cell>
          <cell r="AT6570">
            <v>2015</v>
          </cell>
          <cell r="AU6570">
            <v>12</v>
          </cell>
        </row>
        <row r="6571">
          <cell r="C6571">
            <v>1.3845000000000001</v>
          </cell>
          <cell r="AT6571">
            <v>2015</v>
          </cell>
          <cell r="AU6571">
            <v>12</v>
          </cell>
        </row>
        <row r="6572">
          <cell r="C6572">
            <v>1.3845000000000001</v>
          </cell>
          <cell r="AT6572">
            <v>2015</v>
          </cell>
          <cell r="AU6572">
            <v>12</v>
          </cell>
        </row>
        <row r="6573">
          <cell r="C6573">
            <v>1.3845000000000001</v>
          </cell>
          <cell r="AT6573">
            <v>2015</v>
          </cell>
          <cell r="AU6573">
            <v>12</v>
          </cell>
        </row>
        <row r="6574">
          <cell r="C6574">
            <v>1.385</v>
          </cell>
          <cell r="AT6574">
            <v>2015</v>
          </cell>
          <cell r="AU6574">
            <v>12</v>
          </cell>
        </row>
        <row r="6575">
          <cell r="C6575">
            <v>1.3884000000000001</v>
          </cell>
          <cell r="AT6575">
            <v>2015</v>
          </cell>
          <cell r="AU6575">
            <v>12</v>
          </cell>
        </row>
        <row r="6576">
          <cell r="C6576">
            <v>1.3839999999999999</v>
          </cell>
          <cell r="AT6576">
            <v>2016</v>
          </cell>
          <cell r="AU6576">
            <v>1</v>
          </cell>
        </row>
        <row r="6577">
          <cell r="C6577">
            <v>1.3839999999999999</v>
          </cell>
          <cell r="AT6577">
            <v>2016</v>
          </cell>
          <cell r="AU6577">
            <v>1</v>
          </cell>
        </row>
        <row r="6578">
          <cell r="C6578">
            <v>1.3839999999999999</v>
          </cell>
          <cell r="AT6578">
            <v>2016</v>
          </cell>
          <cell r="AU6578">
            <v>1</v>
          </cell>
        </row>
        <row r="6579">
          <cell r="C6579">
            <v>1.3839999999999999</v>
          </cell>
          <cell r="AT6579">
            <v>2016</v>
          </cell>
          <cell r="AU6579">
            <v>1</v>
          </cell>
        </row>
        <row r="6580">
          <cell r="C6580">
            <v>1.3969</v>
          </cell>
          <cell r="AT6580">
            <v>2016</v>
          </cell>
          <cell r="AU6580">
            <v>1</v>
          </cell>
        </row>
        <row r="6581">
          <cell r="C6581">
            <v>1.3993</v>
          </cell>
          <cell r="AT6581">
            <v>2016</v>
          </cell>
          <cell r="AU6581">
            <v>1</v>
          </cell>
        </row>
        <row r="6582">
          <cell r="C6582">
            <v>1.4084000000000001</v>
          </cell>
          <cell r="AT6582">
            <v>2016</v>
          </cell>
          <cell r="AU6582">
            <v>1</v>
          </cell>
        </row>
        <row r="6583">
          <cell r="C6583">
            <v>1.4060999999999999</v>
          </cell>
          <cell r="AT6583">
            <v>2016</v>
          </cell>
          <cell r="AU6583">
            <v>1</v>
          </cell>
        </row>
        <row r="6584">
          <cell r="C6584">
            <v>1.4151</v>
          </cell>
          <cell r="AT6584">
            <v>2016</v>
          </cell>
          <cell r="AU6584">
            <v>1</v>
          </cell>
        </row>
        <row r="6585">
          <cell r="C6585">
            <v>1.4151</v>
          </cell>
          <cell r="AT6585">
            <v>2016</v>
          </cell>
          <cell r="AU6585">
            <v>1</v>
          </cell>
        </row>
        <row r="6586">
          <cell r="C6586">
            <v>1.4151</v>
          </cell>
          <cell r="AT6586">
            <v>2016</v>
          </cell>
          <cell r="AU6586">
            <v>1</v>
          </cell>
        </row>
        <row r="6587">
          <cell r="C6587">
            <v>1.4205000000000001</v>
          </cell>
          <cell r="AT6587">
            <v>2016</v>
          </cell>
          <cell r="AU6587">
            <v>1</v>
          </cell>
        </row>
        <row r="6588">
          <cell r="C6588">
            <v>1.4291</v>
          </cell>
          <cell r="AT6588">
            <v>2016</v>
          </cell>
          <cell r="AU6588">
            <v>1</v>
          </cell>
        </row>
        <row r="6589">
          <cell r="C6589">
            <v>1.4294</v>
          </cell>
          <cell r="AT6589">
            <v>2016</v>
          </cell>
          <cell r="AU6589">
            <v>1</v>
          </cell>
        </row>
        <row r="6590">
          <cell r="C6590">
            <v>1.4373</v>
          </cell>
          <cell r="AT6590">
            <v>2016</v>
          </cell>
          <cell r="AU6590">
            <v>1</v>
          </cell>
        </row>
        <row r="6591">
          <cell r="C6591">
            <v>1.4528000000000001</v>
          </cell>
          <cell r="AT6591">
            <v>2016</v>
          </cell>
          <cell r="AU6591">
            <v>1</v>
          </cell>
        </row>
        <row r="6592">
          <cell r="C6592">
            <v>1.4528000000000001</v>
          </cell>
          <cell r="AT6592">
            <v>2016</v>
          </cell>
          <cell r="AU6592">
            <v>1</v>
          </cell>
        </row>
        <row r="6593">
          <cell r="C6593">
            <v>1.4528000000000001</v>
          </cell>
          <cell r="AT6593">
            <v>2016</v>
          </cell>
          <cell r="AU6593">
            <v>1</v>
          </cell>
        </row>
        <row r="6594">
          <cell r="C6594">
            <v>1.4507000000000001</v>
          </cell>
          <cell r="AT6594">
            <v>2016</v>
          </cell>
          <cell r="AU6594">
            <v>1</v>
          </cell>
        </row>
        <row r="6595">
          <cell r="C6595">
            <v>1.4514</v>
          </cell>
          <cell r="AT6595">
            <v>2016</v>
          </cell>
          <cell r="AU6595">
            <v>1</v>
          </cell>
        </row>
        <row r="6596">
          <cell r="C6596">
            <v>1.4589000000000001</v>
          </cell>
          <cell r="AT6596">
            <v>2016</v>
          </cell>
          <cell r="AU6596">
            <v>1</v>
          </cell>
        </row>
        <row r="6597">
          <cell r="C6597">
            <v>1.4242999999999999</v>
          </cell>
          <cell r="AT6597">
            <v>2016</v>
          </cell>
          <cell r="AU6597">
            <v>1</v>
          </cell>
        </row>
        <row r="6598">
          <cell r="C6598">
            <v>1.4151</v>
          </cell>
          <cell r="AT6598">
            <v>2016</v>
          </cell>
          <cell r="AU6598">
            <v>1</v>
          </cell>
        </row>
        <row r="6599">
          <cell r="C6599">
            <v>1.4151</v>
          </cell>
          <cell r="AT6599">
            <v>2016</v>
          </cell>
          <cell r="AU6599">
            <v>1</v>
          </cell>
        </row>
        <row r="6600">
          <cell r="C6600">
            <v>1.4151</v>
          </cell>
          <cell r="AT6600">
            <v>2016</v>
          </cell>
          <cell r="AU6600">
            <v>1</v>
          </cell>
        </row>
        <row r="6601">
          <cell r="C6601">
            <v>1.4252</v>
          </cell>
          <cell r="AT6601">
            <v>2016</v>
          </cell>
          <cell r="AU6601">
            <v>1</v>
          </cell>
        </row>
        <row r="6602">
          <cell r="C6602">
            <v>1.4061999999999999</v>
          </cell>
          <cell r="AT6602">
            <v>2016</v>
          </cell>
          <cell r="AU6602">
            <v>1</v>
          </cell>
        </row>
        <row r="6603">
          <cell r="C6603">
            <v>1.4043000000000001</v>
          </cell>
          <cell r="AT6603">
            <v>2016</v>
          </cell>
          <cell r="AU6603">
            <v>1</v>
          </cell>
        </row>
        <row r="6604">
          <cell r="C6604">
            <v>1.4073</v>
          </cell>
          <cell r="AT6604">
            <v>2016</v>
          </cell>
          <cell r="AU6604">
            <v>1</v>
          </cell>
        </row>
        <row r="6605">
          <cell r="C6605">
            <v>1.4079999999999999</v>
          </cell>
          <cell r="AT6605">
            <v>2016</v>
          </cell>
          <cell r="AU6605">
            <v>1</v>
          </cell>
        </row>
        <row r="6606">
          <cell r="C6606">
            <v>1.4079999999999999</v>
          </cell>
          <cell r="AT6606">
            <v>2016</v>
          </cell>
          <cell r="AU6606">
            <v>1</v>
          </cell>
        </row>
        <row r="6607">
          <cell r="C6607">
            <v>1.4079999999999999</v>
          </cell>
          <cell r="AT6607">
            <v>2016</v>
          </cell>
          <cell r="AU6607">
            <v>2</v>
          </cell>
        </row>
        <row r="6608">
          <cell r="C6608">
            <v>1.4006000000000001</v>
          </cell>
          <cell r="AT6608">
            <v>2016</v>
          </cell>
          <cell r="AU6608">
            <v>2</v>
          </cell>
        </row>
        <row r="6609">
          <cell r="C6609">
            <v>1.4039999999999999</v>
          </cell>
          <cell r="AT6609">
            <v>2016</v>
          </cell>
          <cell r="AU6609">
            <v>2</v>
          </cell>
        </row>
        <row r="6610">
          <cell r="C6610">
            <v>1.3846000000000001</v>
          </cell>
          <cell r="AT6610">
            <v>2016</v>
          </cell>
          <cell r="AU6610">
            <v>2</v>
          </cell>
        </row>
        <row r="6611">
          <cell r="C6611">
            <v>1.3726</v>
          </cell>
          <cell r="AT6611">
            <v>2016</v>
          </cell>
          <cell r="AU6611">
            <v>2</v>
          </cell>
        </row>
        <row r="6612">
          <cell r="C6612">
            <v>1.3875999999999999</v>
          </cell>
          <cell r="AT6612">
            <v>2016</v>
          </cell>
          <cell r="AU6612">
            <v>2</v>
          </cell>
        </row>
        <row r="6613">
          <cell r="C6613">
            <v>1.3875999999999999</v>
          </cell>
          <cell r="AT6613">
            <v>2016</v>
          </cell>
          <cell r="AU6613">
            <v>2</v>
          </cell>
        </row>
        <row r="6614">
          <cell r="C6614">
            <v>1.3875999999999999</v>
          </cell>
          <cell r="AT6614">
            <v>2016</v>
          </cell>
          <cell r="AU6614">
            <v>2</v>
          </cell>
        </row>
        <row r="6615">
          <cell r="C6615">
            <v>1.3920999999999999</v>
          </cell>
          <cell r="AT6615">
            <v>2016</v>
          </cell>
          <cell r="AU6615">
            <v>2</v>
          </cell>
        </row>
        <row r="6616">
          <cell r="C6616">
            <v>1.3819999999999999</v>
          </cell>
          <cell r="AT6616">
            <v>2016</v>
          </cell>
          <cell r="AU6616">
            <v>2</v>
          </cell>
        </row>
        <row r="6617">
          <cell r="C6617">
            <v>1.3968</v>
          </cell>
          <cell r="AT6617">
            <v>2016</v>
          </cell>
          <cell r="AU6617">
            <v>2</v>
          </cell>
        </row>
        <row r="6618">
          <cell r="C6618">
            <v>1.393</v>
          </cell>
          <cell r="AT6618">
            <v>2016</v>
          </cell>
          <cell r="AU6618">
            <v>2</v>
          </cell>
        </row>
        <row r="6619">
          <cell r="C6619">
            <v>1.3835</v>
          </cell>
          <cell r="AT6619">
            <v>2016</v>
          </cell>
          <cell r="AU6619">
            <v>2</v>
          </cell>
        </row>
        <row r="6620">
          <cell r="C6620">
            <v>1.3835</v>
          </cell>
          <cell r="AT6620">
            <v>2016</v>
          </cell>
          <cell r="AU6620">
            <v>2</v>
          </cell>
        </row>
        <row r="6621">
          <cell r="C6621">
            <v>1.3835</v>
          </cell>
          <cell r="AT6621">
            <v>2016</v>
          </cell>
          <cell r="AU6621">
            <v>2</v>
          </cell>
        </row>
        <row r="6622">
          <cell r="C6622">
            <v>1.3835</v>
          </cell>
          <cell r="AT6622">
            <v>2016</v>
          </cell>
          <cell r="AU6622">
            <v>2</v>
          </cell>
        </row>
        <row r="6623">
          <cell r="C6623">
            <v>1.3859999999999999</v>
          </cell>
          <cell r="AT6623">
            <v>2016</v>
          </cell>
          <cell r="AU6623">
            <v>2</v>
          </cell>
        </row>
        <row r="6624">
          <cell r="C6624">
            <v>1.3684000000000001</v>
          </cell>
          <cell r="AT6624">
            <v>2016</v>
          </cell>
          <cell r="AU6624">
            <v>2</v>
          </cell>
        </row>
        <row r="6625">
          <cell r="C6625">
            <v>1.3721000000000001</v>
          </cell>
          <cell r="AT6625">
            <v>2016</v>
          </cell>
          <cell r="AU6625">
            <v>2</v>
          </cell>
        </row>
        <row r="6626">
          <cell r="C6626">
            <v>1.3801000000000001</v>
          </cell>
          <cell r="AT6626">
            <v>2016</v>
          </cell>
          <cell r="AU6626">
            <v>2</v>
          </cell>
        </row>
        <row r="6627">
          <cell r="C6627">
            <v>1.3801000000000001</v>
          </cell>
          <cell r="AT6627">
            <v>2016</v>
          </cell>
          <cell r="AU6627">
            <v>2</v>
          </cell>
        </row>
        <row r="6628">
          <cell r="C6628">
            <v>1.3801000000000001</v>
          </cell>
          <cell r="AT6628">
            <v>2016</v>
          </cell>
          <cell r="AU6628">
            <v>2</v>
          </cell>
        </row>
        <row r="6629">
          <cell r="C6629">
            <v>1.3685</v>
          </cell>
          <cell r="AT6629">
            <v>2016</v>
          </cell>
          <cell r="AU6629">
            <v>2</v>
          </cell>
        </row>
        <row r="6630">
          <cell r="C6630">
            <v>1.3792</v>
          </cell>
          <cell r="AT6630">
            <v>2016</v>
          </cell>
          <cell r="AU6630">
            <v>2</v>
          </cell>
        </row>
        <row r="6631">
          <cell r="C6631">
            <v>1.3766</v>
          </cell>
          <cell r="AT6631">
            <v>2016</v>
          </cell>
          <cell r="AU6631">
            <v>2</v>
          </cell>
        </row>
        <row r="6632">
          <cell r="C6632">
            <v>1.3574999999999999</v>
          </cell>
          <cell r="AT6632">
            <v>2016</v>
          </cell>
          <cell r="AU6632">
            <v>2</v>
          </cell>
        </row>
        <row r="6633">
          <cell r="C6633">
            <v>1.3547</v>
          </cell>
          <cell r="AT6633">
            <v>2016</v>
          </cell>
          <cell r="AU6633">
            <v>2</v>
          </cell>
        </row>
        <row r="6634">
          <cell r="C6634">
            <v>1.3547</v>
          </cell>
          <cell r="AT6634">
            <v>2016</v>
          </cell>
          <cell r="AU6634">
            <v>2</v>
          </cell>
        </row>
        <row r="6635">
          <cell r="C6635">
            <v>1.3547</v>
          </cell>
          <cell r="AT6635">
            <v>2016</v>
          </cell>
          <cell r="AU6635">
            <v>2</v>
          </cell>
        </row>
        <row r="6636">
          <cell r="C6636">
            <v>1.3523000000000001</v>
          </cell>
          <cell r="AT6636">
            <v>2016</v>
          </cell>
          <cell r="AU6636">
            <v>3</v>
          </cell>
        </row>
        <row r="6637">
          <cell r="C6637">
            <v>1.3407</v>
          </cell>
          <cell r="AT6637">
            <v>2016</v>
          </cell>
          <cell r="AU6637">
            <v>3</v>
          </cell>
        </row>
        <row r="6638">
          <cell r="C6638">
            <v>1.3468</v>
          </cell>
          <cell r="AT6638">
            <v>2016</v>
          </cell>
          <cell r="AU6638">
            <v>3</v>
          </cell>
        </row>
        <row r="6639">
          <cell r="C6639">
            <v>1.3407</v>
          </cell>
          <cell r="AT6639">
            <v>2016</v>
          </cell>
          <cell r="AU6639">
            <v>3</v>
          </cell>
        </row>
        <row r="6640">
          <cell r="C6640">
            <v>1.3337000000000001</v>
          </cell>
          <cell r="AT6640">
            <v>2016</v>
          </cell>
          <cell r="AU6640">
            <v>3</v>
          </cell>
        </row>
        <row r="6641">
          <cell r="C6641">
            <v>1.3337000000000001</v>
          </cell>
          <cell r="AT6641">
            <v>2016</v>
          </cell>
          <cell r="AU6641">
            <v>3</v>
          </cell>
        </row>
        <row r="6642">
          <cell r="C6642">
            <v>1.3337000000000001</v>
          </cell>
          <cell r="AT6642">
            <v>2016</v>
          </cell>
          <cell r="AU6642">
            <v>3</v>
          </cell>
        </row>
        <row r="6643">
          <cell r="C6643">
            <v>1.3301000000000001</v>
          </cell>
          <cell r="AT6643">
            <v>2016</v>
          </cell>
          <cell r="AU6643">
            <v>3</v>
          </cell>
        </row>
        <row r="6644">
          <cell r="C6644">
            <v>1.3389</v>
          </cell>
          <cell r="AT6644">
            <v>2016</v>
          </cell>
          <cell r="AU6644">
            <v>3</v>
          </cell>
        </row>
        <row r="6645">
          <cell r="C6645">
            <v>1.3236000000000001</v>
          </cell>
          <cell r="AT6645">
            <v>2016</v>
          </cell>
          <cell r="AU6645">
            <v>3</v>
          </cell>
        </row>
        <row r="6646">
          <cell r="C6646">
            <v>1.3372999999999999</v>
          </cell>
          <cell r="AT6646">
            <v>2016</v>
          </cell>
          <cell r="AU6646">
            <v>3</v>
          </cell>
        </row>
        <row r="6647">
          <cell r="C6647">
            <v>1.3214999999999999</v>
          </cell>
          <cell r="AT6647">
            <v>2016</v>
          </cell>
          <cell r="AU6647">
            <v>3</v>
          </cell>
        </row>
        <row r="6648">
          <cell r="C6648">
            <v>1.3214999999999999</v>
          </cell>
          <cell r="AT6648">
            <v>2016</v>
          </cell>
          <cell r="AU6648">
            <v>3</v>
          </cell>
        </row>
        <row r="6649">
          <cell r="C6649">
            <v>1.3214999999999999</v>
          </cell>
          <cell r="AT6649">
            <v>2016</v>
          </cell>
          <cell r="AU6649">
            <v>3</v>
          </cell>
        </row>
        <row r="6650">
          <cell r="C6650">
            <v>1.3292999999999999</v>
          </cell>
          <cell r="AT6650">
            <v>2016</v>
          </cell>
          <cell r="AU6650">
            <v>3</v>
          </cell>
        </row>
        <row r="6651">
          <cell r="C6651">
            <v>1.3359000000000001</v>
          </cell>
          <cell r="AT6651">
            <v>2016</v>
          </cell>
          <cell r="AU6651">
            <v>3</v>
          </cell>
        </row>
        <row r="6652">
          <cell r="C6652">
            <v>1.3362000000000001</v>
          </cell>
          <cell r="AT6652">
            <v>2016</v>
          </cell>
          <cell r="AU6652">
            <v>3</v>
          </cell>
        </row>
        <row r="6653">
          <cell r="C6653">
            <v>1.2984</v>
          </cell>
          <cell r="AT6653">
            <v>2016</v>
          </cell>
          <cell r="AU6653">
            <v>3</v>
          </cell>
        </row>
        <row r="6654">
          <cell r="C6654">
            <v>1.2982</v>
          </cell>
          <cell r="AT6654">
            <v>2016</v>
          </cell>
          <cell r="AU6654">
            <v>3</v>
          </cell>
        </row>
        <row r="6655">
          <cell r="C6655">
            <v>1.2982</v>
          </cell>
          <cell r="AT6655">
            <v>2016</v>
          </cell>
          <cell r="AU6655">
            <v>3</v>
          </cell>
        </row>
        <row r="6656">
          <cell r="C6656">
            <v>1.2982</v>
          </cell>
          <cell r="AT6656">
            <v>2016</v>
          </cell>
          <cell r="AU6656">
            <v>3</v>
          </cell>
        </row>
        <row r="6657">
          <cell r="C6657">
            <v>1.3069</v>
          </cell>
          <cell r="AT6657">
            <v>2016</v>
          </cell>
          <cell r="AU6657">
            <v>3</v>
          </cell>
        </row>
        <row r="6658">
          <cell r="C6658">
            <v>1.3050999999999999</v>
          </cell>
          <cell r="AT6658">
            <v>2016</v>
          </cell>
          <cell r="AU6658">
            <v>3</v>
          </cell>
        </row>
        <row r="6659">
          <cell r="C6659">
            <v>1.3203</v>
          </cell>
          <cell r="AT6659">
            <v>2016</v>
          </cell>
          <cell r="AU6659">
            <v>3</v>
          </cell>
        </row>
        <row r="6660">
          <cell r="C6660">
            <v>1.3269</v>
          </cell>
          <cell r="AT6660">
            <v>2016</v>
          </cell>
          <cell r="AU6660">
            <v>3</v>
          </cell>
        </row>
        <row r="6661">
          <cell r="C6661">
            <v>1.3269</v>
          </cell>
          <cell r="AT6661">
            <v>2016</v>
          </cell>
          <cell r="AU6661">
            <v>3</v>
          </cell>
        </row>
        <row r="6662">
          <cell r="C6662">
            <v>1.3269</v>
          </cell>
          <cell r="AT6662">
            <v>2016</v>
          </cell>
          <cell r="AU6662">
            <v>3</v>
          </cell>
        </row>
        <row r="6663">
          <cell r="C6663">
            <v>1.3269</v>
          </cell>
          <cell r="AT6663">
            <v>2016</v>
          </cell>
          <cell r="AU6663">
            <v>3</v>
          </cell>
        </row>
        <row r="6664">
          <cell r="C6664">
            <v>1.3184</v>
          </cell>
          <cell r="AT6664">
            <v>2016</v>
          </cell>
          <cell r="AU6664">
            <v>3</v>
          </cell>
        </row>
        <row r="6665">
          <cell r="C6665">
            <v>1.3153999999999999</v>
          </cell>
          <cell r="AT6665">
            <v>2016</v>
          </cell>
          <cell r="AU6665">
            <v>3</v>
          </cell>
        </row>
        <row r="6666">
          <cell r="C6666">
            <v>1.2962</v>
          </cell>
          <cell r="AT6666">
            <v>2016</v>
          </cell>
          <cell r="AU6666">
            <v>3</v>
          </cell>
        </row>
        <row r="6667">
          <cell r="C6667">
            <v>1.2970999999999999</v>
          </cell>
          <cell r="AT6667">
            <v>2016</v>
          </cell>
          <cell r="AU6667">
            <v>4</v>
          </cell>
        </row>
        <row r="6668">
          <cell r="C6668">
            <v>1.3047</v>
          </cell>
          <cell r="AT6668">
            <v>2016</v>
          </cell>
          <cell r="AU6668">
            <v>4</v>
          </cell>
        </row>
        <row r="6669">
          <cell r="C6669">
            <v>1.3047</v>
          </cell>
          <cell r="AT6669">
            <v>2016</v>
          </cell>
          <cell r="AU6669">
            <v>4</v>
          </cell>
        </row>
        <row r="6670">
          <cell r="C6670">
            <v>1.3047</v>
          </cell>
          <cell r="AT6670">
            <v>2016</v>
          </cell>
          <cell r="AU6670">
            <v>4</v>
          </cell>
        </row>
        <row r="6671">
          <cell r="C6671">
            <v>1.3036000000000001</v>
          </cell>
          <cell r="AT6671">
            <v>2016</v>
          </cell>
          <cell r="AU6671">
            <v>4</v>
          </cell>
        </row>
        <row r="6672">
          <cell r="C6672">
            <v>1.3169999999999999</v>
          </cell>
          <cell r="AT6672">
            <v>2016</v>
          </cell>
          <cell r="AU6672">
            <v>4</v>
          </cell>
        </row>
        <row r="6673">
          <cell r="C6673">
            <v>1.3077000000000001</v>
          </cell>
          <cell r="AT6673">
            <v>2016</v>
          </cell>
          <cell r="AU6673">
            <v>4</v>
          </cell>
        </row>
        <row r="6674">
          <cell r="C6674">
            <v>1.3163</v>
          </cell>
          <cell r="AT6674">
            <v>2016</v>
          </cell>
          <cell r="AU6674">
            <v>4</v>
          </cell>
        </row>
        <row r="6675">
          <cell r="C6675">
            <v>1.2995000000000001</v>
          </cell>
          <cell r="AT6675">
            <v>2016</v>
          </cell>
          <cell r="AU6675">
            <v>4</v>
          </cell>
        </row>
        <row r="6676">
          <cell r="C6676">
            <v>1.2995000000000001</v>
          </cell>
          <cell r="AT6676">
            <v>2016</v>
          </cell>
          <cell r="AU6676">
            <v>4</v>
          </cell>
        </row>
        <row r="6677">
          <cell r="C6677">
            <v>1.2995000000000001</v>
          </cell>
          <cell r="AT6677">
            <v>2016</v>
          </cell>
          <cell r="AU6677">
            <v>4</v>
          </cell>
        </row>
        <row r="6678">
          <cell r="C6678">
            <v>1.2912999999999999</v>
          </cell>
          <cell r="AT6678">
            <v>2016</v>
          </cell>
          <cell r="AU6678">
            <v>4</v>
          </cell>
        </row>
        <row r="6679">
          <cell r="C6679">
            <v>1.2799</v>
          </cell>
          <cell r="AT6679">
            <v>2016</v>
          </cell>
          <cell r="AU6679">
            <v>4</v>
          </cell>
        </row>
        <row r="6680">
          <cell r="C6680">
            <v>1.2791999999999999</v>
          </cell>
          <cell r="AT6680">
            <v>2016</v>
          </cell>
          <cell r="AU6680">
            <v>4</v>
          </cell>
        </row>
        <row r="6681">
          <cell r="C6681">
            <v>1.2836000000000001</v>
          </cell>
          <cell r="AT6681">
            <v>2016</v>
          </cell>
          <cell r="AU6681">
            <v>4</v>
          </cell>
        </row>
        <row r="6682">
          <cell r="C6682">
            <v>1.2858000000000001</v>
          </cell>
          <cell r="AT6682">
            <v>2016</v>
          </cell>
          <cell r="AU6682">
            <v>4</v>
          </cell>
        </row>
        <row r="6683">
          <cell r="C6683">
            <v>1.2858000000000001</v>
          </cell>
          <cell r="AT6683">
            <v>2016</v>
          </cell>
          <cell r="AU6683">
            <v>4</v>
          </cell>
        </row>
        <row r="6684">
          <cell r="C6684">
            <v>1.2858000000000001</v>
          </cell>
          <cell r="AT6684">
            <v>2016</v>
          </cell>
          <cell r="AU6684">
            <v>4</v>
          </cell>
        </row>
        <row r="6685">
          <cell r="C6685">
            <v>1.2815000000000001</v>
          </cell>
          <cell r="AT6685">
            <v>2016</v>
          </cell>
          <cell r="AU6685">
            <v>4</v>
          </cell>
        </row>
        <row r="6686">
          <cell r="C6686">
            <v>1.2656000000000001</v>
          </cell>
          <cell r="AT6686">
            <v>2016</v>
          </cell>
          <cell r="AU6686">
            <v>4</v>
          </cell>
        </row>
        <row r="6687">
          <cell r="C6687">
            <v>1.2626999999999999</v>
          </cell>
          <cell r="AT6687">
            <v>2016</v>
          </cell>
          <cell r="AU6687">
            <v>4</v>
          </cell>
        </row>
        <row r="6688">
          <cell r="C6688">
            <v>1.2709999999999999</v>
          </cell>
          <cell r="AT6688">
            <v>2016</v>
          </cell>
          <cell r="AU6688">
            <v>4</v>
          </cell>
        </row>
        <row r="6689">
          <cell r="C6689">
            <v>1.2674000000000001</v>
          </cell>
          <cell r="AT6689">
            <v>2016</v>
          </cell>
          <cell r="AU6689">
            <v>4</v>
          </cell>
        </row>
        <row r="6690">
          <cell r="C6690">
            <v>1.2674000000000001</v>
          </cell>
          <cell r="AT6690">
            <v>2016</v>
          </cell>
          <cell r="AU6690">
            <v>4</v>
          </cell>
        </row>
        <row r="6691">
          <cell r="C6691">
            <v>1.2674000000000001</v>
          </cell>
          <cell r="AT6691">
            <v>2016</v>
          </cell>
          <cell r="AU6691">
            <v>4</v>
          </cell>
        </row>
        <row r="6692">
          <cell r="C6692">
            <v>1.268</v>
          </cell>
          <cell r="AT6692">
            <v>2016</v>
          </cell>
          <cell r="AU6692">
            <v>4</v>
          </cell>
        </row>
        <row r="6693">
          <cell r="C6693">
            <v>1.2614000000000001</v>
          </cell>
          <cell r="AT6693">
            <v>2016</v>
          </cell>
          <cell r="AU6693">
            <v>4</v>
          </cell>
        </row>
        <row r="6694">
          <cell r="C6694">
            <v>1.2635000000000001</v>
          </cell>
          <cell r="AT6694">
            <v>2016</v>
          </cell>
          <cell r="AU6694">
            <v>4</v>
          </cell>
        </row>
        <row r="6695">
          <cell r="C6695">
            <v>1.2544</v>
          </cell>
          <cell r="AT6695">
            <v>2016</v>
          </cell>
          <cell r="AU6695">
            <v>4</v>
          </cell>
        </row>
        <row r="6696">
          <cell r="C6696">
            <v>1.2548999999999999</v>
          </cell>
          <cell r="AT6696">
            <v>2016</v>
          </cell>
          <cell r="AU6696">
            <v>4</v>
          </cell>
        </row>
        <row r="6697">
          <cell r="C6697">
            <v>1.2548999999999999</v>
          </cell>
          <cell r="AT6697">
            <v>2016</v>
          </cell>
          <cell r="AU6697">
            <v>5</v>
          </cell>
        </row>
        <row r="6698">
          <cell r="C6698">
            <v>1.2548999999999999</v>
          </cell>
          <cell r="AT6698">
            <v>2016</v>
          </cell>
          <cell r="AU6698">
            <v>5</v>
          </cell>
        </row>
        <row r="6699">
          <cell r="C6699">
            <v>1.2547999999999999</v>
          </cell>
          <cell r="AT6699">
            <v>2016</v>
          </cell>
          <cell r="AU6699">
            <v>5</v>
          </cell>
        </row>
        <row r="6700">
          <cell r="C6700">
            <v>1.2685999999999999</v>
          </cell>
          <cell r="AT6700">
            <v>2016</v>
          </cell>
          <cell r="AU6700">
            <v>5</v>
          </cell>
        </row>
        <row r="6701">
          <cell r="C6701">
            <v>1.2884</v>
          </cell>
          <cell r="AT6701">
            <v>2016</v>
          </cell>
          <cell r="AU6701">
            <v>5</v>
          </cell>
        </row>
        <row r="6702">
          <cell r="C6702">
            <v>1.2853000000000001</v>
          </cell>
          <cell r="AT6702">
            <v>2016</v>
          </cell>
          <cell r="AU6702">
            <v>5</v>
          </cell>
        </row>
        <row r="6703">
          <cell r="C6703">
            <v>1.2921</v>
          </cell>
          <cell r="AT6703">
            <v>2016</v>
          </cell>
          <cell r="AU6703">
            <v>5</v>
          </cell>
        </row>
        <row r="6704">
          <cell r="C6704">
            <v>1.2921</v>
          </cell>
          <cell r="AT6704">
            <v>2016</v>
          </cell>
          <cell r="AU6704">
            <v>5</v>
          </cell>
        </row>
        <row r="6705">
          <cell r="C6705">
            <v>1.2921</v>
          </cell>
          <cell r="AT6705">
            <v>2016</v>
          </cell>
          <cell r="AU6705">
            <v>5</v>
          </cell>
        </row>
        <row r="6706">
          <cell r="C6706">
            <v>1.2994000000000001</v>
          </cell>
          <cell r="AT6706">
            <v>2016</v>
          </cell>
          <cell r="AU6706">
            <v>5</v>
          </cell>
        </row>
        <row r="6707">
          <cell r="C6707">
            <v>1.2959000000000001</v>
          </cell>
          <cell r="AT6707">
            <v>2016</v>
          </cell>
          <cell r="AU6707">
            <v>5</v>
          </cell>
        </row>
        <row r="6708">
          <cell r="C6708">
            <v>1.2836000000000001</v>
          </cell>
          <cell r="AT6708">
            <v>2016</v>
          </cell>
          <cell r="AU6708">
            <v>5</v>
          </cell>
        </row>
        <row r="6709">
          <cell r="C6709">
            <v>1.2858000000000001</v>
          </cell>
          <cell r="AT6709">
            <v>2016</v>
          </cell>
          <cell r="AU6709">
            <v>5</v>
          </cell>
        </row>
        <row r="6710">
          <cell r="C6710">
            <v>1.294</v>
          </cell>
          <cell r="AT6710">
            <v>2016</v>
          </cell>
          <cell r="AU6710">
            <v>5</v>
          </cell>
        </row>
        <row r="6711">
          <cell r="C6711">
            <v>1.294</v>
          </cell>
          <cell r="AT6711">
            <v>2016</v>
          </cell>
          <cell r="AU6711">
            <v>5</v>
          </cell>
        </row>
        <row r="6712">
          <cell r="C6712">
            <v>1.294</v>
          </cell>
          <cell r="AT6712">
            <v>2016</v>
          </cell>
          <cell r="AU6712">
            <v>5</v>
          </cell>
        </row>
        <row r="6713">
          <cell r="C6713">
            <v>1.2887</v>
          </cell>
          <cell r="AT6713">
            <v>2016</v>
          </cell>
          <cell r="AU6713">
            <v>5</v>
          </cell>
        </row>
        <row r="6714">
          <cell r="C6714">
            <v>1.2885</v>
          </cell>
          <cell r="AT6714">
            <v>2016</v>
          </cell>
          <cell r="AU6714">
            <v>5</v>
          </cell>
        </row>
        <row r="6715">
          <cell r="C6715">
            <v>1.2927999999999999</v>
          </cell>
          <cell r="AT6715">
            <v>2016</v>
          </cell>
          <cell r="AU6715">
            <v>5</v>
          </cell>
        </row>
        <row r="6716">
          <cell r="C6716">
            <v>1.3116000000000001</v>
          </cell>
          <cell r="AT6716">
            <v>2016</v>
          </cell>
          <cell r="AU6716">
            <v>5</v>
          </cell>
        </row>
        <row r="6717">
          <cell r="C6717">
            <v>1.3136000000000001</v>
          </cell>
          <cell r="AT6717">
            <v>2016</v>
          </cell>
          <cell r="AU6717">
            <v>5</v>
          </cell>
        </row>
        <row r="6718">
          <cell r="C6718">
            <v>1.3136000000000001</v>
          </cell>
          <cell r="AT6718">
            <v>2016</v>
          </cell>
          <cell r="AU6718">
            <v>5</v>
          </cell>
        </row>
        <row r="6719">
          <cell r="C6719">
            <v>1.3136000000000001</v>
          </cell>
          <cell r="AT6719">
            <v>2016</v>
          </cell>
          <cell r="AU6719">
            <v>5</v>
          </cell>
        </row>
        <row r="6720">
          <cell r="C6720">
            <v>1.3136000000000001</v>
          </cell>
          <cell r="AT6720">
            <v>2016</v>
          </cell>
          <cell r="AU6720">
            <v>5</v>
          </cell>
        </row>
        <row r="6721">
          <cell r="C6721">
            <v>1.3118000000000001</v>
          </cell>
          <cell r="AT6721">
            <v>2016</v>
          </cell>
          <cell r="AU6721">
            <v>5</v>
          </cell>
        </row>
        <row r="6722">
          <cell r="C6722">
            <v>1.3089999999999999</v>
          </cell>
          <cell r="AT6722">
            <v>2016</v>
          </cell>
          <cell r="AU6722">
            <v>5</v>
          </cell>
        </row>
        <row r="6723">
          <cell r="C6723">
            <v>1.2981</v>
          </cell>
          <cell r="AT6723">
            <v>2016</v>
          </cell>
          <cell r="AU6723">
            <v>5</v>
          </cell>
        </row>
        <row r="6724">
          <cell r="C6724">
            <v>1.3003</v>
          </cell>
          <cell r="AT6724">
            <v>2016</v>
          </cell>
          <cell r="AU6724">
            <v>5</v>
          </cell>
        </row>
        <row r="6725">
          <cell r="C6725">
            <v>1.3003</v>
          </cell>
          <cell r="AT6725">
            <v>2016</v>
          </cell>
          <cell r="AU6725">
            <v>5</v>
          </cell>
        </row>
        <row r="6726">
          <cell r="C6726">
            <v>1.3003</v>
          </cell>
          <cell r="AT6726">
            <v>2016</v>
          </cell>
          <cell r="AU6726">
            <v>5</v>
          </cell>
        </row>
        <row r="6727">
          <cell r="C6727">
            <v>1.3061</v>
          </cell>
          <cell r="AT6727">
            <v>2016</v>
          </cell>
          <cell r="AU6727">
            <v>5</v>
          </cell>
        </row>
        <row r="6728">
          <cell r="C6728">
            <v>1.31</v>
          </cell>
          <cell r="AT6728">
            <v>2016</v>
          </cell>
          <cell r="AU6728">
            <v>6</v>
          </cell>
        </row>
        <row r="6729">
          <cell r="C6729">
            <v>1.3090999999999999</v>
          </cell>
          <cell r="AT6729">
            <v>2016</v>
          </cell>
          <cell r="AU6729">
            <v>6</v>
          </cell>
        </row>
        <row r="6730">
          <cell r="C6730">
            <v>1.3080000000000001</v>
          </cell>
          <cell r="AT6730">
            <v>2016</v>
          </cell>
          <cell r="AU6730">
            <v>6</v>
          </cell>
        </row>
        <row r="6731">
          <cell r="C6731">
            <v>1.2948</v>
          </cell>
          <cell r="AT6731">
            <v>2016</v>
          </cell>
          <cell r="AU6731">
            <v>6</v>
          </cell>
        </row>
        <row r="6732">
          <cell r="C6732">
            <v>1.2948</v>
          </cell>
          <cell r="AT6732">
            <v>2016</v>
          </cell>
          <cell r="AU6732">
            <v>6</v>
          </cell>
        </row>
        <row r="6733">
          <cell r="C6733">
            <v>1.2948</v>
          </cell>
          <cell r="AT6733">
            <v>2016</v>
          </cell>
          <cell r="AU6733">
            <v>6</v>
          </cell>
        </row>
        <row r="6734">
          <cell r="C6734">
            <v>1.2856000000000001</v>
          </cell>
          <cell r="AT6734">
            <v>2016</v>
          </cell>
          <cell r="AU6734">
            <v>6</v>
          </cell>
        </row>
        <row r="6735">
          <cell r="C6735">
            <v>1.2788999999999999</v>
          </cell>
          <cell r="AT6735">
            <v>2016</v>
          </cell>
          <cell r="AU6735">
            <v>6</v>
          </cell>
        </row>
        <row r="6736">
          <cell r="C6736">
            <v>1.2695000000000001</v>
          </cell>
          <cell r="AT6736">
            <v>2016</v>
          </cell>
          <cell r="AU6736">
            <v>6</v>
          </cell>
        </row>
        <row r="6737">
          <cell r="C6737">
            <v>1.2730999999999999</v>
          </cell>
          <cell r="AT6737">
            <v>2016</v>
          </cell>
          <cell r="AU6737">
            <v>6</v>
          </cell>
        </row>
        <row r="6738">
          <cell r="C6738">
            <v>1.2736000000000001</v>
          </cell>
          <cell r="AT6738">
            <v>2016</v>
          </cell>
          <cell r="AU6738">
            <v>6</v>
          </cell>
        </row>
        <row r="6739">
          <cell r="C6739">
            <v>1.2736000000000001</v>
          </cell>
          <cell r="AT6739">
            <v>2016</v>
          </cell>
          <cell r="AU6739">
            <v>6</v>
          </cell>
        </row>
        <row r="6740">
          <cell r="C6740">
            <v>1.2736000000000001</v>
          </cell>
          <cell r="AT6740">
            <v>2016</v>
          </cell>
          <cell r="AU6740">
            <v>6</v>
          </cell>
        </row>
        <row r="6741">
          <cell r="C6741">
            <v>1.2791999999999999</v>
          </cell>
          <cell r="AT6741">
            <v>2016</v>
          </cell>
          <cell r="AU6741">
            <v>6</v>
          </cell>
        </row>
        <row r="6742">
          <cell r="C6742">
            <v>1.2835000000000001</v>
          </cell>
          <cell r="AT6742">
            <v>2016</v>
          </cell>
          <cell r="AU6742">
            <v>6</v>
          </cell>
        </row>
        <row r="6743">
          <cell r="C6743">
            <v>1.2914000000000001</v>
          </cell>
          <cell r="AT6743">
            <v>2016</v>
          </cell>
          <cell r="AU6743">
            <v>6</v>
          </cell>
        </row>
        <row r="6744">
          <cell r="C6744">
            <v>1.3041</v>
          </cell>
          <cell r="AT6744">
            <v>2016</v>
          </cell>
          <cell r="AU6744">
            <v>6</v>
          </cell>
        </row>
        <row r="6745">
          <cell r="C6745">
            <v>1.2878000000000001</v>
          </cell>
          <cell r="AT6745">
            <v>2016</v>
          </cell>
          <cell r="AU6745">
            <v>6</v>
          </cell>
        </row>
        <row r="6746">
          <cell r="C6746">
            <v>1.2878000000000001</v>
          </cell>
          <cell r="AT6746">
            <v>2016</v>
          </cell>
          <cell r="AU6746">
            <v>6</v>
          </cell>
        </row>
        <row r="6747">
          <cell r="C6747">
            <v>1.2878000000000001</v>
          </cell>
          <cell r="AT6747">
            <v>2016</v>
          </cell>
          <cell r="AU6747">
            <v>6</v>
          </cell>
        </row>
        <row r="6748">
          <cell r="C6748">
            <v>1.2806999999999999</v>
          </cell>
          <cell r="AT6748">
            <v>2016</v>
          </cell>
          <cell r="AU6748">
            <v>6</v>
          </cell>
        </row>
        <row r="6749">
          <cell r="C6749">
            <v>1.2818000000000001</v>
          </cell>
          <cell r="AT6749">
            <v>2016</v>
          </cell>
          <cell r="AU6749">
            <v>6</v>
          </cell>
        </row>
        <row r="6750">
          <cell r="C6750">
            <v>1.282</v>
          </cell>
          <cell r="AT6750">
            <v>2016</v>
          </cell>
          <cell r="AU6750">
            <v>6</v>
          </cell>
        </row>
        <row r="6751">
          <cell r="C6751">
            <v>1.2751999999999999</v>
          </cell>
          <cell r="AT6751">
            <v>2016</v>
          </cell>
          <cell r="AU6751">
            <v>6</v>
          </cell>
        </row>
        <row r="6752">
          <cell r="C6752">
            <v>1.2951999999999999</v>
          </cell>
          <cell r="AT6752">
            <v>2016</v>
          </cell>
          <cell r="AU6752">
            <v>6</v>
          </cell>
        </row>
        <row r="6753">
          <cell r="C6753">
            <v>1.2951999999999999</v>
          </cell>
          <cell r="AT6753">
            <v>2016</v>
          </cell>
          <cell r="AU6753">
            <v>6</v>
          </cell>
        </row>
        <row r="6754">
          <cell r="C6754">
            <v>1.2951999999999999</v>
          </cell>
          <cell r="AT6754">
            <v>2016</v>
          </cell>
          <cell r="AU6754">
            <v>6</v>
          </cell>
        </row>
        <row r="6755">
          <cell r="C6755">
            <v>1.3078000000000001</v>
          </cell>
          <cell r="AT6755">
            <v>2016</v>
          </cell>
          <cell r="AU6755">
            <v>6</v>
          </cell>
        </row>
        <row r="6756">
          <cell r="C6756">
            <v>1.3089999999999999</v>
          </cell>
          <cell r="AT6756">
            <v>2016</v>
          </cell>
          <cell r="AU6756">
            <v>6</v>
          </cell>
        </row>
        <row r="6757">
          <cell r="C6757">
            <v>1.2990999999999999</v>
          </cell>
          <cell r="AT6757">
            <v>2016</v>
          </cell>
          <cell r="AU6757">
            <v>6</v>
          </cell>
        </row>
        <row r="6758">
          <cell r="C6758">
            <v>1.3008999999999999</v>
          </cell>
          <cell r="AT6758">
            <v>2016</v>
          </cell>
          <cell r="AU6758">
            <v>7</v>
          </cell>
        </row>
        <row r="6759">
          <cell r="C6759">
            <v>1.3008999999999999</v>
          </cell>
          <cell r="AT6759">
            <v>2016</v>
          </cell>
          <cell r="AU6759">
            <v>7</v>
          </cell>
        </row>
        <row r="6760">
          <cell r="C6760">
            <v>1.3008999999999999</v>
          </cell>
          <cell r="AT6760">
            <v>2016</v>
          </cell>
          <cell r="AU6760">
            <v>7</v>
          </cell>
        </row>
        <row r="6761">
          <cell r="C6761">
            <v>1.3008999999999999</v>
          </cell>
          <cell r="AT6761">
            <v>2016</v>
          </cell>
          <cell r="AU6761">
            <v>7</v>
          </cell>
        </row>
        <row r="6762">
          <cell r="C6762">
            <v>1.2844</v>
          </cell>
          <cell r="AT6762">
            <v>2016</v>
          </cell>
          <cell r="AU6762">
            <v>7</v>
          </cell>
        </row>
        <row r="6763">
          <cell r="C6763">
            <v>1.2948999999999999</v>
          </cell>
          <cell r="AT6763">
            <v>2016</v>
          </cell>
          <cell r="AU6763">
            <v>7</v>
          </cell>
        </row>
        <row r="6764">
          <cell r="C6764">
            <v>1.3005</v>
          </cell>
          <cell r="AT6764">
            <v>2016</v>
          </cell>
          <cell r="AU6764">
            <v>7</v>
          </cell>
        </row>
        <row r="6765">
          <cell r="C6765">
            <v>1.2984</v>
          </cell>
          <cell r="AT6765">
            <v>2016</v>
          </cell>
          <cell r="AU6765">
            <v>7</v>
          </cell>
        </row>
        <row r="6766">
          <cell r="C6766">
            <v>1.3072999999999999</v>
          </cell>
          <cell r="AT6766">
            <v>2016</v>
          </cell>
          <cell r="AU6766">
            <v>7</v>
          </cell>
        </row>
        <row r="6767">
          <cell r="C6767">
            <v>1.3072999999999999</v>
          </cell>
          <cell r="AT6767">
            <v>2016</v>
          </cell>
          <cell r="AU6767">
            <v>7</v>
          </cell>
        </row>
        <row r="6768">
          <cell r="C6768">
            <v>1.3072999999999999</v>
          </cell>
          <cell r="AT6768">
            <v>2016</v>
          </cell>
          <cell r="AU6768">
            <v>7</v>
          </cell>
        </row>
        <row r="6769">
          <cell r="C6769">
            <v>1.3127</v>
          </cell>
          <cell r="AT6769">
            <v>2016</v>
          </cell>
          <cell r="AU6769">
            <v>7</v>
          </cell>
        </row>
        <row r="6770">
          <cell r="C6770">
            <v>1.3016000000000001</v>
          </cell>
          <cell r="AT6770">
            <v>2016</v>
          </cell>
          <cell r="AU6770">
            <v>7</v>
          </cell>
        </row>
        <row r="6771">
          <cell r="C6771">
            <v>1.2965</v>
          </cell>
          <cell r="AT6771">
            <v>2016</v>
          </cell>
          <cell r="AU6771">
            <v>7</v>
          </cell>
        </row>
        <row r="6772">
          <cell r="C6772">
            <v>1.2915000000000001</v>
          </cell>
          <cell r="AT6772">
            <v>2016</v>
          </cell>
          <cell r="AU6772">
            <v>7</v>
          </cell>
        </row>
        <row r="6773">
          <cell r="C6773">
            <v>1.2975000000000001</v>
          </cell>
          <cell r="AT6773">
            <v>2016</v>
          </cell>
          <cell r="AU6773">
            <v>7</v>
          </cell>
        </row>
        <row r="6774">
          <cell r="C6774">
            <v>1.2975000000000001</v>
          </cell>
          <cell r="AT6774">
            <v>2016</v>
          </cell>
          <cell r="AU6774">
            <v>7</v>
          </cell>
        </row>
        <row r="6775">
          <cell r="C6775">
            <v>1.2975000000000001</v>
          </cell>
          <cell r="AT6775">
            <v>2016</v>
          </cell>
          <cell r="AU6775">
            <v>7</v>
          </cell>
        </row>
        <row r="6776">
          <cell r="C6776">
            <v>1.2984</v>
          </cell>
          <cell r="AT6776">
            <v>2016</v>
          </cell>
          <cell r="AU6776">
            <v>7</v>
          </cell>
        </row>
        <row r="6777">
          <cell r="C6777">
            <v>1.3028999999999999</v>
          </cell>
          <cell r="AT6777">
            <v>2016</v>
          </cell>
          <cell r="AU6777">
            <v>7</v>
          </cell>
        </row>
        <row r="6778">
          <cell r="C6778">
            <v>1.304</v>
          </cell>
          <cell r="AT6778">
            <v>2016</v>
          </cell>
          <cell r="AU6778">
            <v>7</v>
          </cell>
        </row>
        <row r="6779">
          <cell r="C6779">
            <v>1.3057000000000001</v>
          </cell>
          <cell r="AT6779">
            <v>2016</v>
          </cell>
          <cell r="AU6779">
            <v>7</v>
          </cell>
        </row>
        <row r="6780">
          <cell r="C6780">
            <v>1.3178000000000001</v>
          </cell>
          <cell r="AT6780">
            <v>2016</v>
          </cell>
          <cell r="AU6780">
            <v>7</v>
          </cell>
        </row>
        <row r="6781">
          <cell r="C6781">
            <v>1.3178000000000001</v>
          </cell>
          <cell r="AT6781">
            <v>2016</v>
          </cell>
          <cell r="AU6781">
            <v>7</v>
          </cell>
        </row>
        <row r="6782">
          <cell r="C6782">
            <v>1.3178000000000001</v>
          </cell>
          <cell r="AT6782">
            <v>2016</v>
          </cell>
          <cell r="AU6782">
            <v>7</v>
          </cell>
        </row>
        <row r="6783">
          <cell r="C6783">
            <v>1.3225</v>
          </cell>
          <cell r="AT6783">
            <v>2016</v>
          </cell>
          <cell r="AU6783">
            <v>7</v>
          </cell>
        </row>
        <row r="6784">
          <cell r="C6784">
            <v>1.3209</v>
          </cell>
          <cell r="AT6784">
            <v>2016</v>
          </cell>
          <cell r="AU6784">
            <v>7</v>
          </cell>
        </row>
        <row r="6785">
          <cell r="C6785">
            <v>1.3220000000000001</v>
          </cell>
          <cell r="AT6785">
            <v>2016</v>
          </cell>
          <cell r="AU6785">
            <v>7</v>
          </cell>
        </row>
        <row r="6786">
          <cell r="C6786">
            <v>1.3169999999999999</v>
          </cell>
          <cell r="AT6786">
            <v>2016</v>
          </cell>
          <cell r="AU6786">
            <v>7</v>
          </cell>
        </row>
        <row r="6787">
          <cell r="C6787">
            <v>1.3041</v>
          </cell>
          <cell r="AT6787">
            <v>2016</v>
          </cell>
          <cell r="AU6787">
            <v>7</v>
          </cell>
        </row>
        <row r="6788">
          <cell r="C6788">
            <v>1.3041</v>
          </cell>
          <cell r="AT6788">
            <v>2016</v>
          </cell>
          <cell r="AU6788">
            <v>7</v>
          </cell>
        </row>
        <row r="6789">
          <cell r="C6789">
            <v>1.3041</v>
          </cell>
          <cell r="AT6789">
            <v>2016</v>
          </cell>
          <cell r="AU6789">
            <v>8</v>
          </cell>
        </row>
        <row r="6790">
          <cell r="C6790">
            <v>1.3041</v>
          </cell>
          <cell r="AT6790">
            <v>2016</v>
          </cell>
          <cell r="AU6790">
            <v>8</v>
          </cell>
        </row>
        <row r="6791">
          <cell r="C6791">
            <v>1.3089</v>
          </cell>
          <cell r="AT6791">
            <v>2016</v>
          </cell>
          <cell r="AU6791">
            <v>8</v>
          </cell>
        </row>
        <row r="6792">
          <cell r="C6792">
            <v>1.3080000000000001</v>
          </cell>
          <cell r="AT6792">
            <v>2016</v>
          </cell>
          <cell r="AU6792">
            <v>8</v>
          </cell>
        </row>
        <row r="6793">
          <cell r="C6793">
            <v>1.3025</v>
          </cell>
          <cell r="AT6793">
            <v>2016</v>
          </cell>
          <cell r="AU6793">
            <v>8</v>
          </cell>
        </row>
        <row r="6794">
          <cell r="C6794">
            <v>1.3180000000000001</v>
          </cell>
          <cell r="AT6794">
            <v>2016</v>
          </cell>
          <cell r="AU6794">
            <v>8</v>
          </cell>
        </row>
        <row r="6795">
          <cell r="C6795">
            <v>1.3180000000000001</v>
          </cell>
          <cell r="AT6795">
            <v>2016</v>
          </cell>
          <cell r="AU6795">
            <v>8</v>
          </cell>
        </row>
        <row r="6796">
          <cell r="C6796">
            <v>1.3180000000000001</v>
          </cell>
          <cell r="AT6796">
            <v>2016</v>
          </cell>
          <cell r="AU6796">
            <v>8</v>
          </cell>
        </row>
        <row r="6797">
          <cell r="C6797">
            <v>1.3164</v>
          </cell>
          <cell r="AT6797">
            <v>2016</v>
          </cell>
          <cell r="AU6797">
            <v>8</v>
          </cell>
        </row>
        <row r="6798">
          <cell r="C6798">
            <v>1.3117000000000001</v>
          </cell>
          <cell r="AT6798">
            <v>2016</v>
          </cell>
          <cell r="AU6798">
            <v>8</v>
          </cell>
        </row>
        <row r="6799">
          <cell r="C6799">
            <v>1.306</v>
          </cell>
          <cell r="AT6799">
            <v>2016</v>
          </cell>
          <cell r="AU6799">
            <v>8</v>
          </cell>
        </row>
        <row r="6800">
          <cell r="C6800">
            <v>1.3007</v>
          </cell>
          <cell r="AT6800">
            <v>2016</v>
          </cell>
          <cell r="AU6800">
            <v>8</v>
          </cell>
        </row>
        <row r="6801">
          <cell r="C6801">
            <v>1.2945</v>
          </cell>
          <cell r="AT6801">
            <v>2016</v>
          </cell>
          <cell r="AU6801">
            <v>8</v>
          </cell>
        </row>
        <row r="6802">
          <cell r="C6802">
            <v>1.2945</v>
          </cell>
          <cell r="AT6802">
            <v>2016</v>
          </cell>
          <cell r="AU6802">
            <v>8</v>
          </cell>
        </row>
        <row r="6803">
          <cell r="C6803">
            <v>1.2945</v>
          </cell>
          <cell r="AT6803">
            <v>2016</v>
          </cell>
          <cell r="AU6803">
            <v>8</v>
          </cell>
        </row>
        <row r="6804">
          <cell r="C6804">
            <v>1.2922</v>
          </cell>
          <cell r="AT6804">
            <v>2016</v>
          </cell>
          <cell r="AU6804">
            <v>8</v>
          </cell>
        </row>
        <row r="6805">
          <cell r="C6805">
            <v>1.2862</v>
          </cell>
          <cell r="AT6805">
            <v>2016</v>
          </cell>
          <cell r="AU6805">
            <v>8</v>
          </cell>
        </row>
        <row r="6806">
          <cell r="C6806">
            <v>1.2885</v>
          </cell>
          <cell r="AT6806">
            <v>2016</v>
          </cell>
          <cell r="AU6806">
            <v>8</v>
          </cell>
        </row>
        <row r="6807">
          <cell r="C6807">
            <v>1.2775000000000001</v>
          </cell>
          <cell r="AT6807">
            <v>2016</v>
          </cell>
          <cell r="AU6807">
            <v>8</v>
          </cell>
        </row>
        <row r="6808">
          <cell r="C6808">
            <v>1.2878000000000001</v>
          </cell>
          <cell r="AT6808">
            <v>2016</v>
          </cell>
          <cell r="AU6808">
            <v>8</v>
          </cell>
        </row>
        <row r="6809">
          <cell r="C6809">
            <v>1.2878000000000001</v>
          </cell>
          <cell r="AT6809">
            <v>2016</v>
          </cell>
          <cell r="AU6809">
            <v>8</v>
          </cell>
        </row>
        <row r="6810">
          <cell r="C6810">
            <v>1.3165</v>
          </cell>
          <cell r="AT6810">
            <v>2016</v>
          </cell>
          <cell r="AU6810">
            <v>8</v>
          </cell>
        </row>
        <row r="6811">
          <cell r="C6811">
            <v>1.2942</v>
          </cell>
          <cell r="AT6811">
            <v>2016</v>
          </cell>
          <cell r="AU6811">
            <v>8</v>
          </cell>
        </row>
        <row r="6812">
          <cell r="C6812">
            <v>1.2902</v>
          </cell>
          <cell r="AT6812">
            <v>2016</v>
          </cell>
          <cell r="AU6812">
            <v>8</v>
          </cell>
        </row>
        <row r="6813">
          <cell r="C6813">
            <v>1.294</v>
          </cell>
          <cell r="AT6813">
            <v>2016</v>
          </cell>
          <cell r="AU6813">
            <v>8</v>
          </cell>
        </row>
        <row r="6814">
          <cell r="C6814">
            <v>1.2937000000000001</v>
          </cell>
          <cell r="AT6814">
            <v>2016</v>
          </cell>
          <cell r="AU6814">
            <v>8</v>
          </cell>
        </row>
        <row r="6815">
          <cell r="C6815">
            <v>1.2947</v>
          </cell>
          <cell r="AT6815">
            <v>2016</v>
          </cell>
          <cell r="AU6815">
            <v>8</v>
          </cell>
        </row>
        <row r="6816">
          <cell r="C6816">
            <v>1.2947</v>
          </cell>
          <cell r="AT6816">
            <v>2016</v>
          </cell>
          <cell r="AU6816">
            <v>8</v>
          </cell>
        </row>
        <row r="6817">
          <cell r="C6817">
            <v>1.2947</v>
          </cell>
          <cell r="AT6817">
            <v>2016</v>
          </cell>
          <cell r="AU6817">
            <v>8</v>
          </cell>
        </row>
        <row r="6818">
          <cell r="C6818">
            <v>1.3019000000000001</v>
          </cell>
          <cell r="AT6818">
            <v>2016</v>
          </cell>
          <cell r="AU6818">
            <v>8</v>
          </cell>
        </row>
        <row r="6819">
          <cell r="C6819">
            <v>1.3076000000000001</v>
          </cell>
          <cell r="AT6819">
            <v>2016</v>
          </cell>
          <cell r="AU6819">
            <v>8</v>
          </cell>
        </row>
        <row r="6820">
          <cell r="C6820">
            <v>1.3124</v>
          </cell>
          <cell r="AT6820">
            <v>2016</v>
          </cell>
          <cell r="AU6820">
            <v>9</v>
          </cell>
        </row>
        <row r="6821">
          <cell r="C6821">
            <v>1.3107</v>
          </cell>
          <cell r="AT6821">
            <v>2016</v>
          </cell>
          <cell r="AU6821">
            <v>9</v>
          </cell>
        </row>
        <row r="6822">
          <cell r="C6822">
            <v>1.2999000000000001</v>
          </cell>
          <cell r="AT6822">
            <v>2016</v>
          </cell>
          <cell r="AU6822">
            <v>9</v>
          </cell>
        </row>
        <row r="6823">
          <cell r="C6823">
            <v>1.2999000000000001</v>
          </cell>
          <cell r="AT6823">
            <v>2016</v>
          </cell>
          <cell r="AU6823">
            <v>9</v>
          </cell>
        </row>
        <row r="6824">
          <cell r="C6824">
            <v>1.2999000000000001</v>
          </cell>
          <cell r="AT6824">
            <v>2016</v>
          </cell>
          <cell r="AU6824">
            <v>9</v>
          </cell>
        </row>
        <row r="6825">
          <cell r="C6825">
            <v>1.2999000000000001</v>
          </cell>
          <cell r="AT6825">
            <v>2016</v>
          </cell>
          <cell r="AU6825">
            <v>9</v>
          </cell>
        </row>
        <row r="6826">
          <cell r="C6826">
            <v>1.2843</v>
          </cell>
          <cell r="AT6826">
            <v>2016</v>
          </cell>
          <cell r="AU6826">
            <v>9</v>
          </cell>
        </row>
        <row r="6827">
          <cell r="C6827">
            <v>1.2895000000000001</v>
          </cell>
          <cell r="AT6827">
            <v>2016</v>
          </cell>
          <cell r="AU6827">
            <v>9</v>
          </cell>
        </row>
        <row r="6828">
          <cell r="C6828">
            <v>1.2908999999999999</v>
          </cell>
          <cell r="AT6828">
            <v>2016</v>
          </cell>
          <cell r="AU6828">
            <v>9</v>
          </cell>
        </row>
        <row r="6829">
          <cell r="C6829">
            <v>1.3032999999999999</v>
          </cell>
          <cell r="AT6829">
            <v>2016</v>
          </cell>
          <cell r="AU6829">
            <v>9</v>
          </cell>
        </row>
        <row r="6830">
          <cell r="C6830">
            <v>1.3032999999999999</v>
          </cell>
          <cell r="AT6830">
            <v>2016</v>
          </cell>
          <cell r="AU6830">
            <v>9</v>
          </cell>
        </row>
        <row r="6831">
          <cell r="C6831">
            <v>1.3032999999999999</v>
          </cell>
          <cell r="AT6831">
            <v>2016</v>
          </cell>
          <cell r="AU6831">
            <v>9</v>
          </cell>
        </row>
        <row r="6832">
          <cell r="C6832">
            <v>1.3077000000000001</v>
          </cell>
          <cell r="AT6832">
            <v>2016</v>
          </cell>
          <cell r="AU6832">
            <v>9</v>
          </cell>
        </row>
        <row r="6833">
          <cell r="C6833">
            <v>1.3167</v>
          </cell>
          <cell r="AT6833">
            <v>2016</v>
          </cell>
          <cell r="AU6833">
            <v>9</v>
          </cell>
        </row>
        <row r="6834">
          <cell r="C6834">
            <v>1.3189</v>
          </cell>
          <cell r="AT6834">
            <v>2016</v>
          </cell>
          <cell r="AU6834">
            <v>9</v>
          </cell>
        </row>
        <row r="6835">
          <cell r="C6835">
            <v>1.3146</v>
          </cell>
          <cell r="AT6835">
            <v>2016</v>
          </cell>
          <cell r="AU6835">
            <v>9</v>
          </cell>
        </row>
        <row r="6836">
          <cell r="C6836">
            <v>1.3212999999999999</v>
          </cell>
          <cell r="AT6836">
            <v>2016</v>
          </cell>
          <cell r="AU6836">
            <v>9</v>
          </cell>
        </row>
        <row r="6837">
          <cell r="C6837">
            <v>1.3212999999999999</v>
          </cell>
          <cell r="AT6837">
            <v>2016</v>
          </cell>
          <cell r="AU6837">
            <v>9</v>
          </cell>
        </row>
        <row r="6838">
          <cell r="C6838">
            <v>1.3212999999999999</v>
          </cell>
          <cell r="AT6838">
            <v>2016</v>
          </cell>
          <cell r="AU6838">
            <v>9</v>
          </cell>
        </row>
        <row r="6839">
          <cell r="C6839">
            <v>1.3181</v>
          </cell>
          <cell r="AT6839">
            <v>2016</v>
          </cell>
          <cell r="AU6839">
            <v>9</v>
          </cell>
        </row>
        <row r="6840">
          <cell r="C6840">
            <v>1.3228</v>
          </cell>
          <cell r="AT6840">
            <v>2016</v>
          </cell>
          <cell r="AU6840">
            <v>9</v>
          </cell>
        </row>
        <row r="6841">
          <cell r="C6841">
            <v>1.3186</v>
          </cell>
          <cell r="AT6841">
            <v>2016</v>
          </cell>
          <cell r="AU6841">
            <v>9</v>
          </cell>
        </row>
        <row r="6842">
          <cell r="C6842">
            <v>1.3039000000000001</v>
          </cell>
          <cell r="AT6842">
            <v>2016</v>
          </cell>
          <cell r="AU6842">
            <v>9</v>
          </cell>
        </row>
        <row r="6843">
          <cell r="C6843">
            <v>1.3165</v>
          </cell>
          <cell r="AT6843">
            <v>2016</v>
          </cell>
          <cell r="AU6843">
            <v>9</v>
          </cell>
        </row>
        <row r="6844">
          <cell r="C6844">
            <v>1.3165</v>
          </cell>
          <cell r="AT6844">
            <v>2016</v>
          </cell>
          <cell r="AU6844">
            <v>9</v>
          </cell>
        </row>
        <row r="6845">
          <cell r="C6845">
            <v>1.3165</v>
          </cell>
          <cell r="AT6845">
            <v>2016</v>
          </cell>
          <cell r="AU6845">
            <v>9</v>
          </cell>
        </row>
        <row r="6846">
          <cell r="C6846">
            <v>1.3197000000000001</v>
          </cell>
          <cell r="AT6846">
            <v>2016</v>
          </cell>
          <cell r="AU6846">
            <v>9</v>
          </cell>
        </row>
        <row r="6847">
          <cell r="C6847">
            <v>1.3248</v>
          </cell>
          <cell r="AT6847">
            <v>2016</v>
          </cell>
          <cell r="AU6847">
            <v>9</v>
          </cell>
        </row>
        <row r="6848">
          <cell r="C6848">
            <v>1.3242</v>
          </cell>
          <cell r="AT6848">
            <v>2016</v>
          </cell>
          <cell r="AU6848">
            <v>9</v>
          </cell>
        </row>
        <row r="6849">
          <cell r="C6849">
            <v>1.3101</v>
          </cell>
          <cell r="AT6849">
            <v>2016</v>
          </cell>
          <cell r="AU6849">
            <v>9</v>
          </cell>
        </row>
        <row r="6850">
          <cell r="C6850">
            <v>1.3117000000000001</v>
          </cell>
          <cell r="AT6850">
            <v>2016</v>
          </cell>
          <cell r="AU6850">
            <v>10</v>
          </cell>
        </row>
        <row r="6851">
          <cell r="C6851">
            <v>1.3117000000000001</v>
          </cell>
          <cell r="AT6851">
            <v>2016</v>
          </cell>
          <cell r="AU6851">
            <v>10</v>
          </cell>
        </row>
        <row r="6852">
          <cell r="C6852">
            <v>1.3117000000000001</v>
          </cell>
          <cell r="AT6852">
            <v>2016</v>
          </cell>
          <cell r="AU6852">
            <v>10</v>
          </cell>
        </row>
        <row r="6853">
          <cell r="C6853">
            <v>1.3137000000000001</v>
          </cell>
          <cell r="AT6853">
            <v>2016</v>
          </cell>
          <cell r="AU6853">
            <v>10</v>
          </cell>
        </row>
        <row r="6854">
          <cell r="C6854">
            <v>1.3169999999999999</v>
          </cell>
          <cell r="AT6854">
            <v>2016</v>
          </cell>
          <cell r="AU6854">
            <v>10</v>
          </cell>
        </row>
        <row r="6855">
          <cell r="C6855">
            <v>1.3178000000000001</v>
          </cell>
          <cell r="AT6855">
            <v>2016</v>
          </cell>
          <cell r="AU6855">
            <v>10</v>
          </cell>
        </row>
        <row r="6856">
          <cell r="C6856">
            <v>1.321</v>
          </cell>
          <cell r="AT6856">
            <v>2016</v>
          </cell>
          <cell r="AU6856">
            <v>10</v>
          </cell>
        </row>
        <row r="6857">
          <cell r="C6857">
            <v>1.3304</v>
          </cell>
          <cell r="AT6857">
            <v>2016</v>
          </cell>
          <cell r="AU6857">
            <v>10</v>
          </cell>
        </row>
        <row r="6858">
          <cell r="C6858">
            <v>1.3304</v>
          </cell>
          <cell r="AT6858">
            <v>2016</v>
          </cell>
          <cell r="AU6858">
            <v>10</v>
          </cell>
        </row>
        <row r="6859">
          <cell r="C6859">
            <v>1.3304</v>
          </cell>
          <cell r="AT6859">
            <v>2016</v>
          </cell>
          <cell r="AU6859">
            <v>10</v>
          </cell>
        </row>
        <row r="6860">
          <cell r="C6860">
            <v>1.3304</v>
          </cell>
          <cell r="AT6860">
            <v>2016</v>
          </cell>
          <cell r="AU6860">
            <v>10</v>
          </cell>
        </row>
        <row r="6861">
          <cell r="C6861">
            <v>1.3239000000000001</v>
          </cell>
          <cell r="AT6861">
            <v>2016</v>
          </cell>
          <cell r="AU6861">
            <v>10</v>
          </cell>
        </row>
        <row r="6862">
          <cell r="C6862">
            <v>1.3277000000000001</v>
          </cell>
          <cell r="AT6862">
            <v>2016</v>
          </cell>
          <cell r="AU6862">
            <v>10</v>
          </cell>
        </row>
        <row r="6863">
          <cell r="C6863">
            <v>1.3219000000000001</v>
          </cell>
          <cell r="AT6863">
            <v>2016</v>
          </cell>
          <cell r="AU6863">
            <v>10</v>
          </cell>
        </row>
        <row r="6864">
          <cell r="C6864">
            <v>1.3168</v>
          </cell>
          <cell r="AT6864">
            <v>2016</v>
          </cell>
          <cell r="AU6864">
            <v>10</v>
          </cell>
        </row>
        <row r="6865">
          <cell r="C6865">
            <v>1.3168</v>
          </cell>
          <cell r="AT6865">
            <v>2016</v>
          </cell>
          <cell r="AU6865">
            <v>10</v>
          </cell>
        </row>
        <row r="6866">
          <cell r="C6866">
            <v>1.3168</v>
          </cell>
          <cell r="AT6866">
            <v>2016</v>
          </cell>
          <cell r="AU6866">
            <v>10</v>
          </cell>
        </row>
        <row r="6867">
          <cell r="C6867">
            <v>1.3138000000000001</v>
          </cell>
          <cell r="AT6867">
            <v>2016</v>
          </cell>
          <cell r="AU6867">
            <v>10</v>
          </cell>
        </row>
        <row r="6868">
          <cell r="C6868">
            <v>1.3104</v>
          </cell>
          <cell r="AT6868">
            <v>2016</v>
          </cell>
          <cell r="AU6868">
            <v>10</v>
          </cell>
        </row>
        <row r="6869">
          <cell r="C6869">
            <v>1.3107</v>
          </cell>
          <cell r="AT6869">
            <v>2016</v>
          </cell>
          <cell r="AU6869">
            <v>10</v>
          </cell>
        </row>
        <row r="6870">
          <cell r="C6870">
            <v>1.3198000000000001</v>
          </cell>
          <cell r="AT6870">
            <v>2016</v>
          </cell>
          <cell r="AU6870">
            <v>10</v>
          </cell>
        </row>
        <row r="6871">
          <cell r="C6871">
            <v>1.3324</v>
          </cell>
          <cell r="AT6871">
            <v>2016</v>
          </cell>
          <cell r="AU6871">
            <v>10</v>
          </cell>
        </row>
        <row r="6872">
          <cell r="C6872">
            <v>1.3324</v>
          </cell>
          <cell r="AT6872">
            <v>2016</v>
          </cell>
          <cell r="AU6872">
            <v>10</v>
          </cell>
        </row>
        <row r="6873">
          <cell r="C6873">
            <v>1.3324</v>
          </cell>
          <cell r="AT6873">
            <v>2016</v>
          </cell>
          <cell r="AU6873">
            <v>10</v>
          </cell>
        </row>
        <row r="6874">
          <cell r="C6874">
            <v>1.3388</v>
          </cell>
          <cell r="AT6874">
            <v>2016</v>
          </cell>
          <cell r="AU6874">
            <v>10</v>
          </cell>
        </row>
        <row r="6875">
          <cell r="C6875">
            <v>1.3333999999999999</v>
          </cell>
          <cell r="AT6875">
            <v>2016</v>
          </cell>
          <cell r="AU6875">
            <v>10</v>
          </cell>
        </row>
        <row r="6876">
          <cell r="C6876">
            <v>1.3360000000000001</v>
          </cell>
          <cell r="AT6876">
            <v>2016</v>
          </cell>
          <cell r="AU6876">
            <v>10</v>
          </cell>
        </row>
        <row r="6877">
          <cell r="C6877">
            <v>1.3386</v>
          </cell>
          <cell r="AT6877">
            <v>2016</v>
          </cell>
          <cell r="AU6877">
            <v>10</v>
          </cell>
        </row>
        <row r="6878">
          <cell r="C6878">
            <v>1.3385</v>
          </cell>
          <cell r="AT6878">
            <v>2016</v>
          </cell>
          <cell r="AU6878">
            <v>10</v>
          </cell>
        </row>
        <row r="6879">
          <cell r="C6879">
            <v>1.3385</v>
          </cell>
          <cell r="AT6879">
            <v>2016</v>
          </cell>
          <cell r="AU6879">
            <v>10</v>
          </cell>
        </row>
        <row r="6880">
          <cell r="C6880">
            <v>1.3385</v>
          </cell>
          <cell r="AT6880">
            <v>2016</v>
          </cell>
          <cell r="AU6880">
            <v>10</v>
          </cell>
        </row>
        <row r="6881">
          <cell r="C6881">
            <v>1.3403</v>
          </cell>
          <cell r="AT6881">
            <v>2016</v>
          </cell>
          <cell r="AU6881">
            <v>11</v>
          </cell>
        </row>
        <row r="6882">
          <cell r="C6882">
            <v>1.3379000000000001</v>
          </cell>
          <cell r="AT6882">
            <v>2016</v>
          </cell>
          <cell r="AU6882">
            <v>11</v>
          </cell>
        </row>
        <row r="6883">
          <cell r="C6883">
            <v>1.339</v>
          </cell>
          <cell r="AT6883">
            <v>2016</v>
          </cell>
          <cell r="AU6883">
            <v>11</v>
          </cell>
        </row>
        <row r="6884">
          <cell r="C6884">
            <v>1.3386</v>
          </cell>
          <cell r="AT6884">
            <v>2016</v>
          </cell>
          <cell r="AU6884">
            <v>11</v>
          </cell>
        </row>
        <row r="6885">
          <cell r="C6885">
            <v>1.3411999999999999</v>
          </cell>
          <cell r="AT6885">
            <v>2016</v>
          </cell>
          <cell r="AU6885">
            <v>11</v>
          </cell>
        </row>
        <row r="6886">
          <cell r="C6886">
            <v>1.3411999999999999</v>
          </cell>
          <cell r="AT6886">
            <v>2016</v>
          </cell>
          <cell r="AU6886">
            <v>11</v>
          </cell>
        </row>
        <row r="6887">
          <cell r="C6887">
            <v>1.3411999999999999</v>
          </cell>
          <cell r="AT6887">
            <v>2016</v>
          </cell>
          <cell r="AU6887">
            <v>11</v>
          </cell>
        </row>
        <row r="6888">
          <cell r="C6888">
            <v>1.3383</v>
          </cell>
          <cell r="AT6888">
            <v>2016</v>
          </cell>
          <cell r="AU6888">
            <v>11</v>
          </cell>
        </row>
        <row r="6889">
          <cell r="C6889">
            <v>1.3337000000000001</v>
          </cell>
          <cell r="AT6889">
            <v>2016</v>
          </cell>
          <cell r="AU6889">
            <v>11</v>
          </cell>
        </row>
        <row r="6890">
          <cell r="C6890">
            <v>1.3408</v>
          </cell>
          <cell r="AT6890">
            <v>2016</v>
          </cell>
          <cell r="AU6890">
            <v>11</v>
          </cell>
        </row>
        <row r="6891">
          <cell r="C6891">
            <v>1.3474999999999999</v>
          </cell>
          <cell r="AT6891">
            <v>2016</v>
          </cell>
          <cell r="AU6891">
            <v>11</v>
          </cell>
        </row>
        <row r="6892">
          <cell r="C6892">
            <v>1.3474999999999999</v>
          </cell>
          <cell r="AT6892">
            <v>2016</v>
          </cell>
          <cell r="AU6892">
            <v>11</v>
          </cell>
        </row>
        <row r="6893">
          <cell r="C6893">
            <v>1.3474999999999999</v>
          </cell>
          <cell r="AT6893">
            <v>2016</v>
          </cell>
          <cell r="AU6893">
            <v>11</v>
          </cell>
        </row>
        <row r="6894">
          <cell r="C6894">
            <v>1.3474999999999999</v>
          </cell>
          <cell r="AT6894">
            <v>2016</v>
          </cell>
          <cell r="AU6894">
            <v>11</v>
          </cell>
        </row>
        <row r="6895">
          <cell r="C6895">
            <v>1.3582000000000001</v>
          </cell>
          <cell r="AT6895">
            <v>2016</v>
          </cell>
          <cell r="AU6895">
            <v>11</v>
          </cell>
        </row>
        <row r="6896">
          <cell r="C6896">
            <v>1.3468</v>
          </cell>
          <cell r="AT6896">
            <v>2016</v>
          </cell>
          <cell r="AU6896">
            <v>11</v>
          </cell>
        </row>
        <row r="6897">
          <cell r="C6897">
            <v>1.3415999999999999</v>
          </cell>
          <cell r="AT6897">
            <v>2016</v>
          </cell>
          <cell r="AU6897">
            <v>11</v>
          </cell>
        </row>
        <row r="6898">
          <cell r="C6898">
            <v>1.3429</v>
          </cell>
          <cell r="AT6898">
            <v>2016</v>
          </cell>
          <cell r="AU6898">
            <v>11</v>
          </cell>
        </row>
        <row r="6899">
          <cell r="C6899">
            <v>1.3519000000000001</v>
          </cell>
          <cell r="AT6899">
            <v>2016</v>
          </cell>
          <cell r="AU6899">
            <v>11</v>
          </cell>
        </row>
        <row r="6900">
          <cell r="C6900">
            <v>1.3519000000000001</v>
          </cell>
          <cell r="AT6900">
            <v>2016</v>
          </cell>
          <cell r="AU6900">
            <v>11</v>
          </cell>
        </row>
        <row r="6901">
          <cell r="C6901">
            <v>1.3519000000000001</v>
          </cell>
          <cell r="AT6901">
            <v>2016</v>
          </cell>
          <cell r="AU6901">
            <v>11</v>
          </cell>
        </row>
        <row r="6902">
          <cell r="C6902">
            <v>1.3436999999999999</v>
          </cell>
          <cell r="AT6902">
            <v>2016</v>
          </cell>
          <cell r="AU6902">
            <v>11</v>
          </cell>
        </row>
        <row r="6903">
          <cell r="C6903">
            <v>1.3444</v>
          </cell>
          <cell r="AT6903">
            <v>2016</v>
          </cell>
          <cell r="AU6903">
            <v>11</v>
          </cell>
        </row>
        <row r="6904">
          <cell r="C6904">
            <v>1.347</v>
          </cell>
          <cell r="AT6904">
            <v>2016</v>
          </cell>
          <cell r="AU6904">
            <v>11</v>
          </cell>
        </row>
        <row r="6905">
          <cell r="C6905">
            <v>1.3487</v>
          </cell>
          <cell r="AT6905">
            <v>2016</v>
          </cell>
          <cell r="AU6905">
            <v>11</v>
          </cell>
        </row>
        <row r="6906">
          <cell r="C6906">
            <v>1.3513999999999999</v>
          </cell>
          <cell r="AT6906">
            <v>2016</v>
          </cell>
          <cell r="AU6906">
            <v>11</v>
          </cell>
        </row>
        <row r="6907">
          <cell r="C6907">
            <v>1.3513999999999999</v>
          </cell>
          <cell r="AT6907">
            <v>2016</v>
          </cell>
          <cell r="AU6907">
            <v>11</v>
          </cell>
        </row>
        <row r="6908">
          <cell r="C6908">
            <v>1.3513999999999999</v>
          </cell>
          <cell r="AT6908">
            <v>2016</v>
          </cell>
          <cell r="AU6908">
            <v>11</v>
          </cell>
        </row>
        <row r="6909">
          <cell r="C6909">
            <v>1.3401000000000001</v>
          </cell>
          <cell r="AT6909">
            <v>2016</v>
          </cell>
          <cell r="AU6909">
            <v>11</v>
          </cell>
        </row>
        <row r="6910">
          <cell r="C6910">
            <v>1.3434999999999999</v>
          </cell>
          <cell r="AT6910">
            <v>2016</v>
          </cell>
          <cell r="AU6910">
            <v>11</v>
          </cell>
        </row>
        <row r="6911">
          <cell r="C6911">
            <v>1.3426</v>
          </cell>
          <cell r="AT6911">
            <v>2016</v>
          </cell>
          <cell r="AU6911">
            <v>12</v>
          </cell>
        </row>
        <row r="6912">
          <cell r="C6912">
            <v>1.3331</v>
          </cell>
          <cell r="AT6912">
            <v>2016</v>
          </cell>
          <cell r="AU6912">
            <v>12</v>
          </cell>
        </row>
        <row r="6913">
          <cell r="C6913">
            <v>1.3298000000000001</v>
          </cell>
          <cell r="AT6913">
            <v>2016</v>
          </cell>
          <cell r="AU6913">
            <v>12</v>
          </cell>
        </row>
        <row r="6914">
          <cell r="C6914">
            <v>1.3298000000000001</v>
          </cell>
          <cell r="AT6914">
            <v>2016</v>
          </cell>
          <cell r="AU6914">
            <v>12</v>
          </cell>
        </row>
        <row r="6915">
          <cell r="C6915">
            <v>1.3298000000000001</v>
          </cell>
          <cell r="AT6915">
            <v>2016</v>
          </cell>
          <cell r="AU6915">
            <v>12</v>
          </cell>
        </row>
        <row r="6916">
          <cell r="C6916">
            <v>1.3271999999999999</v>
          </cell>
          <cell r="AT6916">
            <v>2016</v>
          </cell>
          <cell r="AU6916">
            <v>12</v>
          </cell>
        </row>
        <row r="6917">
          <cell r="C6917">
            <v>1.3281000000000001</v>
          </cell>
          <cell r="AT6917">
            <v>2016</v>
          </cell>
          <cell r="AU6917">
            <v>12</v>
          </cell>
        </row>
        <row r="6918">
          <cell r="C6918">
            <v>1.3251999999999999</v>
          </cell>
          <cell r="AT6918">
            <v>2016</v>
          </cell>
          <cell r="AU6918">
            <v>12</v>
          </cell>
        </row>
        <row r="6919">
          <cell r="C6919">
            <v>1.3221000000000001</v>
          </cell>
          <cell r="AT6919">
            <v>2016</v>
          </cell>
          <cell r="AU6919">
            <v>12</v>
          </cell>
        </row>
        <row r="6920">
          <cell r="C6920">
            <v>1.3164</v>
          </cell>
          <cell r="AT6920">
            <v>2016</v>
          </cell>
          <cell r="AU6920">
            <v>12</v>
          </cell>
        </row>
        <row r="6921">
          <cell r="C6921">
            <v>1.3164</v>
          </cell>
          <cell r="AT6921">
            <v>2016</v>
          </cell>
          <cell r="AU6921">
            <v>12</v>
          </cell>
        </row>
        <row r="6922">
          <cell r="C6922">
            <v>1.3164</v>
          </cell>
          <cell r="AT6922">
            <v>2016</v>
          </cell>
          <cell r="AU6922">
            <v>12</v>
          </cell>
        </row>
        <row r="6923">
          <cell r="C6923">
            <v>1.3140000000000001</v>
          </cell>
          <cell r="AT6923">
            <v>2016</v>
          </cell>
          <cell r="AU6923">
            <v>12</v>
          </cell>
        </row>
        <row r="6924">
          <cell r="C6924">
            <v>1.3120000000000001</v>
          </cell>
          <cell r="AT6924">
            <v>2016</v>
          </cell>
          <cell r="AU6924">
            <v>12</v>
          </cell>
        </row>
        <row r="6925">
          <cell r="C6925">
            <v>1.3123</v>
          </cell>
          <cell r="AT6925">
            <v>2016</v>
          </cell>
          <cell r="AU6925">
            <v>12</v>
          </cell>
        </row>
        <row r="6926">
          <cell r="C6926">
            <v>1.3396999999999999</v>
          </cell>
          <cell r="AT6926">
            <v>2016</v>
          </cell>
          <cell r="AU6926">
            <v>12</v>
          </cell>
        </row>
        <row r="6927">
          <cell r="C6927">
            <v>1.3338000000000001</v>
          </cell>
          <cell r="AT6927">
            <v>2016</v>
          </cell>
          <cell r="AU6927">
            <v>12</v>
          </cell>
        </row>
        <row r="6928">
          <cell r="C6928">
            <v>1.3338000000000001</v>
          </cell>
          <cell r="AT6928">
            <v>2016</v>
          </cell>
          <cell r="AU6928">
            <v>12</v>
          </cell>
        </row>
        <row r="6929">
          <cell r="C6929">
            <v>1.3338000000000001</v>
          </cell>
          <cell r="AT6929">
            <v>2016</v>
          </cell>
          <cell r="AU6929">
            <v>12</v>
          </cell>
        </row>
        <row r="6930">
          <cell r="C6930">
            <v>1.3396999999999999</v>
          </cell>
          <cell r="AT6930">
            <v>2016</v>
          </cell>
          <cell r="AU6930">
            <v>12</v>
          </cell>
        </row>
        <row r="6931">
          <cell r="C6931">
            <v>1.3378000000000001</v>
          </cell>
          <cell r="AT6931">
            <v>2016</v>
          </cell>
          <cell r="AU6931">
            <v>12</v>
          </cell>
        </row>
        <row r="6932">
          <cell r="C6932">
            <v>1.3401000000000001</v>
          </cell>
          <cell r="AT6932">
            <v>2016</v>
          </cell>
          <cell r="AU6932">
            <v>12</v>
          </cell>
        </row>
        <row r="6933">
          <cell r="C6933">
            <v>1.3468</v>
          </cell>
          <cell r="AT6933">
            <v>2016</v>
          </cell>
          <cell r="AU6933">
            <v>12</v>
          </cell>
        </row>
        <row r="6934">
          <cell r="C6934">
            <v>1.3534999999999999</v>
          </cell>
          <cell r="AT6934">
            <v>2016</v>
          </cell>
          <cell r="AU6934">
            <v>12</v>
          </cell>
        </row>
        <row r="6935">
          <cell r="C6935">
            <v>1.3534999999999999</v>
          </cell>
          <cell r="AT6935">
            <v>2016</v>
          </cell>
          <cell r="AU6935">
            <v>12</v>
          </cell>
        </row>
        <row r="6936">
          <cell r="C6936">
            <v>1.3534999999999999</v>
          </cell>
          <cell r="AT6936">
            <v>2016</v>
          </cell>
          <cell r="AU6936">
            <v>12</v>
          </cell>
        </row>
        <row r="6937">
          <cell r="C6937">
            <v>1.3534999999999999</v>
          </cell>
          <cell r="AT6937">
            <v>2016</v>
          </cell>
          <cell r="AU6937">
            <v>12</v>
          </cell>
        </row>
        <row r="6938">
          <cell r="C6938">
            <v>1.3534999999999999</v>
          </cell>
          <cell r="AT6938">
            <v>2016</v>
          </cell>
          <cell r="AU6938">
            <v>12</v>
          </cell>
        </row>
        <row r="6939">
          <cell r="C6939">
            <v>1.3555999999999999</v>
          </cell>
          <cell r="AT6939">
            <v>2016</v>
          </cell>
          <cell r="AU6939">
            <v>12</v>
          </cell>
        </row>
        <row r="6940">
          <cell r="C6940">
            <v>1.3488</v>
          </cell>
          <cell r="AT6940">
            <v>2016</v>
          </cell>
          <cell r="AU6940">
            <v>12</v>
          </cell>
        </row>
        <row r="6941">
          <cell r="C6941">
            <v>1.3427</v>
          </cell>
          <cell r="AT6941">
            <v>2016</v>
          </cell>
          <cell r="AU6941">
            <v>12</v>
          </cell>
        </row>
        <row r="6942">
          <cell r="C6942">
            <v>1.3427</v>
          </cell>
          <cell r="AT6942">
            <v>2017</v>
          </cell>
          <cell r="AU6942">
            <v>1</v>
          </cell>
        </row>
        <row r="6943">
          <cell r="C6943">
            <v>1.3427</v>
          </cell>
          <cell r="AT6943">
            <v>2017</v>
          </cell>
          <cell r="AU6943">
            <v>1</v>
          </cell>
        </row>
        <row r="6944">
          <cell r="C6944">
            <v>1.3427</v>
          </cell>
          <cell r="AT6944">
            <v>2017</v>
          </cell>
          <cell r="AU6944">
            <v>1</v>
          </cell>
        </row>
        <row r="6945">
          <cell r="C6945">
            <v>1.3438000000000001</v>
          </cell>
          <cell r="AT6945">
            <v>2017</v>
          </cell>
          <cell r="AU6945">
            <v>1</v>
          </cell>
        </row>
        <row r="6946">
          <cell r="C6946">
            <v>1.3292999999999999</v>
          </cell>
          <cell r="AT6946">
            <v>2017</v>
          </cell>
          <cell r="AU6946">
            <v>1</v>
          </cell>
        </row>
        <row r="6947">
          <cell r="C6947">
            <v>1.3216000000000001</v>
          </cell>
          <cell r="AT6947">
            <v>2017</v>
          </cell>
          <cell r="AU6947">
            <v>1</v>
          </cell>
        </row>
        <row r="6948">
          <cell r="C6948">
            <v>1.3216000000000001</v>
          </cell>
          <cell r="AT6948">
            <v>2017</v>
          </cell>
          <cell r="AU6948">
            <v>1</v>
          </cell>
        </row>
        <row r="6949">
          <cell r="C6949">
            <v>1.3216000000000001</v>
          </cell>
          <cell r="AT6949">
            <v>2017</v>
          </cell>
          <cell r="AU6949">
            <v>1</v>
          </cell>
        </row>
        <row r="6950">
          <cell r="C6950">
            <v>1.3216000000000001</v>
          </cell>
          <cell r="AT6950">
            <v>2017</v>
          </cell>
          <cell r="AU6950">
            <v>1</v>
          </cell>
        </row>
        <row r="6951">
          <cell r="C6951">
            <v>1.3222</v>
          </cell>
          <cell r="AT6951">
            <v>2017</v>
          </cell>
          <cell r="AU6951">
            <v>1</v>
          </cell>
        </row>
        <row r="6952">
          <cell r="C6952">
            <v>1.3208</v>
          </cell>
          <cell r="AT6952">
            <v>2017</v>
          </cell>
          <cell r="AU6952">
            <v>1</v>
          </cell>
        </row>
        <row r="6953">
          <cell r="C6953">
            <v>1.3231999999999999</v>
          </cell>
          <cell r="AT6953">
            <v>2017</v>
          </cell>
          <cell r="AU6953">
            <v>1</v>
          </cell>
        </row>
        <row r="6954">
          <cell r="C6954">
            <v>1.3129999999999999</v>
          </cell>
          <cell r="AT6954">
            <v>2017</v>
          </cell>
          <cell r="AU6954">
            <v>1</v>
          </cell>
        </row>
        <row r="6955">
          <cell r="C6955">
            <v>1.3134999999999999</v>
          </cell>
          <cell r="AT6955">
            <v>2017</v>
          </cell>
          <cell r="AU6955">
            <v>1</v>
          </cell>
        </row>
        <row r="6956">
          <cell r="C6956">
            <v>1.3134999999999999</v>
          </cell>
          <cell r="AT6956">
            <v>2017</v>
          </cell>
          <cell r="AU6956">
            <v>1</v>
          </cell>
        </row>
        <row r="6957">
          <cell r="C6957">
            <v>1.3134999999999999</v>
          </cell>
          <cell r="AT6957">
            <v>2017</v>
          </cell>
          <cell r="AU6957">
            <v>1</v>
          </cell>
        </row>
        <row r="6958">
          <cell r="C6958">
            <v>1.3163</v>
          </cell>
          <cell r="AT6958">
            <v>2017</v>
          </cell>
          <cell r="AU6958">
            <v>1</v>
          </cell>
        </row>
        <row r="6959">
          <cell r="C6959">
            <v>1.306</v>
          </cell>
          <cell r="AT6959">
            <v>2017</v>
          </cell>
          <cell r="AU6959">
            <v>1</v>
          </cell>
        </row>
        <row r="6960">
          <cell r="C6960">
            <v>1.3177000000000001</v>
          </cell>
          <cell r="AT6960">
            <v>2017</v>
          </cell>
          <cell r="AU6960">
            <v>1</v>
          </cell>
        </row>
        <row r="6961">
          <cell r="C6961">
            <v>1.3329</v>
          </cell>
          <cell r="AT6961">
            <v>2017</v>
          </cell>
          <cell r="AU6961">
            <v>1</v>
          </cell>
        </row>
        <row r="6962">
          <cell r="C6962">
            <v>1.3339000000000001</v>
          </cell>
          <cell r="AT6962">
            <v>2017</v>
          </cell>
          <cell r="AU6962">
            <v>1</v>
          </cell>
        </row>
        <row r="6963">
          <cell r="C6963">
            <v>1.3339000000000001</v>
          </cell>
          <cell r="AT6963">
            <v>2017</v>
          </cell>
          <cell r="AU6963">
            <v>1</v>
          </cell>
        </row>
        <row r="6964">
          <cell r="C6964">
            <v>1.3339000000000001</v>
          </cell>
          <cell r="AT6964">
            <v>2017</v>
          </cell>
          <cell r="AU6964">
            <v>1</v>
          </cell>
        </row>
        <row r="6965">
          <cell r="C6965">
            <v>1.3289</v>
          </cell>
          <cell r="AT6965">
            <v>2017</v>
          </cell>
          <cell r="AU6965">
            <v>1</v>
          </cell>
        </row>
        <row r="6966">
          <cell r="C6966">
            <v>1.3151999999999999</v>
          </cell>
          <cell r="AT6966">
            <v>2017</v>
          </cell>
          <cell r="AU6966">
            <v>1</v>
          </cell>
        </row>
        <row r="6967">
          <cell r="C6967">
            <v>1.3075000000000001</v>
          </cell>
          <cell r="AT6967">
            <v>2017</v>
          </cell>
          <cell r="AU6967">
            <v>1</v>
          </cell>
        </row>
        <row r="6968">
          <cell r="C6968">
            <v>1.3104</v>
          </cell>
          <cell r="AT6968">
            <v>2017</v>
          </cell>
          <cell r="AU6968">
            <v>1</v>
          </cell>
        </row>
        <row r="6969">
          <cell r="C6969">
            <v>1.3108</v>
          </cell>
          <cell r="AT6969">
            <v>2017</v>
          </cell>
          <cell r="AU6969">
            <v>1</v>
          </cell>
        </row>
        <row r="6970">
          <cell r="C6970">
            <v>1.3108</v>
          </cell>
          <cell r="AT6970">
            <v>2017</v>
          </cell>
          <cell r="AU6970">
            <v>1</v>
          </cell>
        </row>
        <row r="6971">
          <cell r="C6971">
            <v>1.3108</v>
          </cell>
          <cell r="AT6971">
            <v>2017</v>
          </cell>
          <cell r="AU6971">
            <v>1</v>
          </cell>
        </row>
        <row r="6972">
          <cell r="C6972">
            <v>1.3092999999999999</v>
          </cell>
          <cell r="AT6972">
            <v>2017</v>
          </cell>
          <cell r="AU6972">
            <v>1</v>
          </cell>
        </row>
        <row r="6973">
          <cell r="C6973">
            <v>1.3029999999999999</v>
          </cell>
          <cell r="AT6973">
            <v>2017</v>
          </cell>
          <cell r="AU6973">
            <v>2</v>
          </cell>
        </row>
        <row r="6974">
          <cell r="C6974">
            <v>1.3089</v>
          </cell>
          <cell r="AT6974">
            <v>2017</v>
          </cell>
          <cell r="AU6974">
            <v>2</v>
          </cell>
        </row>
        <row r="6975">
          <cell r="C6975">
            <v>1.3019000000000001</v>
          </cell>
          <cell r="AT6975">
            <v>2017</v>
          </cell>
          <cell r="AU6975">
            <v>2</v>
          </cell>
        </row>
        <row r="6976">
          <cell r="C6976">
            <v>1.3004</v>
          </cell>
          <cell r="AT6976">
            <v>2017</v>
          </cell>
          <cell r="AU6976">
            <v>2</v>
          </cell>
        </row>
        <row r="6977">
          <cell r="C6977">
            <v>1.3004</v>
          </cell>
          <cell r="AT6977">
            <v>2017</v>
          </cell>
          <cell r="AU6977">
            <v>2</v>
          </cell>
        </row>
        <row r="6978">
          <cell r="C6978">
            <v>1.3004</v>
          </cell>
          <cell r="AT6978">
            <v>2017</v>
          </cell>
          <cell r="AU6978">
            <v>2</v>
          </cell>
        </row>
        <row r="6979">
          <cell r="C6979">
            <v>1.3117000000000001</v>
          </cell>
          <cell r="AT6979">
            <v>2017</v>
          </cell>
          <cell r="AU6979">
            <v>2</v>
          </cell>
        </row>
        <row r="6980">
          <cell r="C6980">
            <v>1.3167</v>
          </cell>
          <cell r="AT6980">
            <v>2017</v>
          </cell>
          <cell r="AU6980">
            <v>2</v>
          </cell>
        </row>
        <row r="6981">
          <cell r="C6981">
            <v>1.3157000000000001</v>
          </cell>
          <cell r="AT6981">
            <v>2017</v>
          </cell>
          <cell r="AU6981">
            <v>2</v>
          </cell>
        </row>
        <row r="6982">
          <cell r="C6982">
            <v>1.3141</v>
          </cell>
          <cell r="AT6982">
            <v>2017</v>
          </cell>
          <cell r="AU6982">
            <v>2</v>
          </cell>
        </row>
        <row r="6983">
          <cell r="C6983">
            <v>1.3073999999999999</v>
          </cell>
          <cell r="AT6983">
            <v>2017</v>
          </cell>
          <cell r="AU6983">
            <v>2</v>
          </cell>
        </row>
        <row r="6984">
          <cell r="C6984">
            <v>1.3073999999999999</v>
          </cell>
          <cell r="AT6984">
            <v>2017</v>
          </cell>
          <cell r="AU6984">
            <v>2</v>
          </cell>
        </row>
        <row r="6985">
          <cell r="C6985">
            <v>1.3073999999999999</v>
          </cell>
          <cell r="AT6985">
            <v>2017</v>
          </cell>
          <cell r="AU6985">
            <v>2</v>
          </cell>
        </row>
        <row r="6986">
          <cell r="C6986">
            <v>1.3070999999999999</v>
          </cell>
          <cell r="AT6986">
            <v>2017</v>
          </cell>
          <cell r="AU6986">
            <v>2</v>
          </cell>
        </row>
        <row r="6987">
          <cell r="C6987">
            <v>1.3092999999999999</v>
          </cell>
          <cell r="AT6987">
            <v>2017</v>
          </cell>
          <cell r="AU6987">
            <v>2</v>
          </cell>
        </row>
        <row r="6988">
          <cell r="C6988">
            <v>1.3084</v>
          </cell>
          <cell r="AT6988">
            <v>2017</v>
          </cell>
          <cell r="AU6988">
            <v>2</v>
          </cell>
        </row>
        <row r="6989">
          <cell r="C6989">
            <v>1.3058000000000001</v>
          </cell>
          <cell r="AT6989">
            <v>2017</v>
          </cell>
          <cell r="AU6989">
            <v>2</v>
          </cell>
        </row>
        <row r="6990">
          <cell r="C6990">
            <v>1.3116000000000001</v>
          </cell>
          <cell r="AT6990">
            <v>2017</v>
          </cell>
          <cell r="AU6990">
            <v>2</v>
          </cell>
        </row>
        <row r="6991">
          <cell r="C6991">
            <v>1.3116000000000001</v>
          </cell>
          <cell r="AT6991">
            <v>2017</v>
          </cell>
          <cell r="AU6991">
            <v>2</v>
          </cell>
        </row>
        <row r="6992">
          <cell r="C6992">
            <v>1.3116000000000001</v>
          </cell>
          <cell r="AT6992">
            <v>2017</v>
          </cell>
          <cell r="AU6992">
            <v>2</v>
          </cell>
        </row>
        <row r="6993">
          <cell r="C6993">
            <v>1.3116000000000001</v>
          </cell>
          <cell r="AT6993">
            <v>2017</v>
          </cell>
          <cell r="AU6993">
            <v>2</v>
          </cell>
        </row>
        <row r="6994">
          <cell r="C6994">
            <v>1.3149</v>
          </cell>
          <cell r="AT6994">
            <v>2017</v>
          </cell>
          <cell r="AU6994">
            <v>2</v>
          </cell>
        </row>
        <row r="6995">
          <cell r="C6995">
            <v>1.3187</v>
          </cell>
          <cell r="AT6995">
            <v>2017</v>
          </cell>
          <cell r="AU6995">
            <v>2</v>
          </cell>
        </row>
        <row r="6996">
          <cell r="C6996">
            <v>1.3109</v>
          </cell>
          <cell r="AT6996">
            <v>2017</v>
          </cell>
          <cell r="AU6996">
            <v>2</v>
          </cell>
        </row>
        <row r="6997">
          <cell r="C6997">
            <v>1.3104</v>
          </cell>
          <cell r="AT6997">
            <v>2017</v>
          </cell>
          <cell r="AU6997">
            <v>2</v>
          </cell>
        </row>
        <row r="6998">
          <cell r="C6998">
            <v>1.3104</v>
          </cell>
          <cell r="AT6998">
            <v>2017</v>
          </cell>
          <cell r="AU6998">
            <v>2</v>
          </cell>
        </row>
        <row r="6999">
          <cell r="C6999">
            <v>1.3104</v>
          </cell>
          <cell r="AT6999">
            <v>2017</v>
          </cell>
          <cell r="AU6999">
            <v>2</v>
          </cell>
        </row>
        <row r="7000">
          <cell r="C7000">
            <v>1.3101</v>
          </cell>
          <cell r="AT7000">
            <v>2017</v>
          </cell>
          <cell r="AU7000">
            <v>2</v>
          </cell>
        </row>
        <row r="7001">
          <cell r="C7001">
            <v>1.3248</v>
          </cell>
          <cell r="AT7001">
            <v>2017</v>
          </cell>
          <cell r="AU7001">
            <v>3</v>
          </cell>
        </row>
        <row r="7002">
          <cell r="C7002">
            <v>1.3346</v>
          </cell>
          <cell r="AT7002">
            <v>2017</v>
          </cell>
          <cell r="AU7002">
            <v>3</v>
          </cell>
        </row>
        <row r="7003">
          <cell r="C7003">
            <v>1.3384</v>
          </cell>
          <cell r="AT7003">
            <v>2017</v>
          </cell>
          <cell r="AU7003">
            <v>3</v>
          </cell>
        </row>
        <row r="7004">
          <cell r="C7004">
            <v>1.3419000000000001</v>
          </cell>
          <cell r="AT7004">
            <v>2017</v>
          </cell>
          <cell r="AU7004">
            <v>3</v>
          </cell>
        </row>
        <row r="7005">
          <cell r="C7005">
            <v>1.3419000000000001</v>
          </cell>
          <cell r="AT7005">
            <v>2017</v>
          </cell>
          <cell r="AU7005">
            <v>3</v>
          </cell>
        </row>
        <row r="7006">
          <cell r="C7006">
            <v>1.3419000000000001</v>
          </cell>
          <cell r="AT7006">
            <v>2017</v>
          </cell>
          <cell r="AU7006">
            <v>3</v>
          </cell>
        </row>
        <row r="7007">
          <cell r="C7007">
            <v>1.3419000000000001</v>
          </cell>
          <cell r="AT7007">
            <v>2017</v>
          </cell>
          <cell r="AU7007">
            <v>3</v>
          </cell>
        </row>
        <row r="7008">
          <cell r="C7008">
            <v>1.3412999999999999</v>
          </cell>
          <cell r="AT7008">
            <v>2017</v>
          </cell>
          <cell r="AU7008">
            <v>3</v>
          </cell>
        </row>
        <row r="7009">
          <cell r="C7009">
            <v>1.3481000000000001</v>
          </cell>
          <cell r="AT7009">
            <v>2017</v>
          </cell>
          <cell r="AU7009">
            <v>3</v>
          </cell>
        </row>
        <row r="7010">
          <cell r="C7010">
            <v>1.3505</v>
          </cell>
          <cell r="AT7010">
            <v>2017</v>
          </cell>
          <cell r="AU7010">
            <v>3</v>
          </cell>
        </row>
        <row r="7011">
          <cell r="C7011">
            <v>1.3469</v>
          </cell>
          <cell r="AT7011">
            <v>2017</v>
          </cell>
          <cell r="AU7011">
            <v>3</v>
          </cell>
        </row>
        <row r="7012">
          <cell r="C7012">
            <v>1.3469</v>
          </cell>
          <cell r="AT7012">
            <v>2017</v>
          </cell>
          <cell r="AU7012">
            <v>3</v>
          </cell>
        </row>
        <row r="7013">
          <cell r="C7013">
            <v>1.3469</v>
          </cell>
          <cell r="AT7013">
            <v>2017</v>
          </cell>
          <cell r="AU7013">
            <v>3</v>
          </cell>
        </row>
        <row r="7014">
          <cell r="C7014">
            <v>1.3452999999999999</v>
          </cell>
          <cell r="AT7014">
            <v>2017</v>
          </cell>
          <cell r="AU7014">
            <v>3</v>
          </cell>
        </row>
        <row r="7015">
          <cell r="C7015">
            <v>1.3463000000000001</v>
          </cell>
          <cell r="AT7015">
            <v>2017</v>
          </cell>
          <cell r="AU7015">
            <v>3</v>
          </cell>
        </row>
        <row r="7016">
          <cell r="C7016">
            <v>1.3451</v>
          </cell>
          <cell r="AT7016">
            <v>2017</v>
          </cell>
          <cell r="AU7016">
            <v>3</v>
          </cell>
        </row>
        <row r="7017">
          <cell r="C7017">
            <v>1.3315999999999999</v>
          </cell>
          <cell r="AT7017">
            <v>2017</v>
          </cell>
          <cell r="AU7017">
            <v>3</v>
          </cell>
        </row>
        <row r="7018">
          <cell r="C7018">
            <v>1.3369</v>
          </cell>
          <cell r="AT7018">
            <v>2017</v>
          </cell>
          <cell r="AU7018">
            <v>3</v>
          </cell>
        </row>
        <row r="7019">
          <cell r="C7019">
            <v>1.3369</v>
          </cell>
          <cell r="AT7019">
            <v>2017</v>
          </cell>
          <cell r="AU7019">
            <v>3</v>
          </cell>
        </row>
        <row r="7020">
          <cell r="C7020">
            <v>1.3369</v>
          </cell>
          <cell r="AT7020">
            <v>2017</v>
          </cell>
          <cell r="AU7020">
            <v>3</v>
          </cell>
        </row>
        <row r="7021">
          <cell r="C7021">
            <v>1.3357000000000001</v>
          </cell>
          <cell r="AT7021">
            <v>2017</v>
          </cell>
          <cell r="AU7021">
            <v>3</v>
          </cell>
        </row>
        <row r="7022">
          <cell r="C7022">
            <v>1.3320000000000001</v>
          </cell>
          <cell r="AT7022">
            <v>2017</v>
          </cell>
          <cell r="AU7022">
            <v>3</v>
          </cell>
        </row>
        <row r="7023">
          <cell r="C7023">
            <v>1.3347</v>
          </cell>
          <cell r="AT7023">
            <v>2017</v>
          </cell>
          <cell r="AU7023">
            <v>3</v>
          </cell>
        </row>
        <row r="7024">
          <cell r="C7024">
            <v>1.3332999999999999</v>
          </cell>
          <cell r="AT7024">
            <v>2017</v>
          </cell>
          <cell r="AU7024">
            <v>3</v>
          </cell>
        </row>
        <row r="7025">
          <cell r="C7025">
            <v>1.3372999999999999</v>
          </cell>
          <cell r="AT7025">
            <v>2017</v>
          </cell>
          <cell r="AU7025">
            <v>3</v>
          </cell>
        </row>
        <row r="7026">
          <cell r="C7026">
            <v>1.3372999999999999</v>
          </cell>
          <cell r="AT7026">
            <v>2017</v>
          </cell>
          <cell r="AU7026">
            <v>3</v>
          </cell>
        </row>
        <row r="7027">
          <cell r="C7027">
            <v>1.3372999999999999</v>
          </cell>
          <cell r="AT7027">
            <v>2017</v>
          </cell>
          <cell r="AU7027">
            <v>3</v>
          </cell>
        </row>
        <row r="7028">
          <cell r="C7028">
            <v>1.3368</v>
          </cell>
          <cell r="AT7028">
            <v>2017</v>
          </cell>
          <cell r="AU7028">
            <v>3</v>
          </cell>
        </row>
        <row r="7029">
          <cell r="C7029">
            <v>1.3363</v>
          </cell>
          <cell r="AT7029">
            <v>2017</v>
          </cell>
          <cell r="AU7029">
            <v>3</v>
          </cell>
        </row>
        <row r="7030">
          <cell r="C7030">
            <v>1.3371999999999999</v>
          </cell>
          <cell r="AT7030">
            <v>2017</v>
          </cell>
          <cell r="AU7030">
            <v>3</v>
          </cell>
        </row>
        <row r="7031">
          <cell r="C7031">
            <v>1.3279000000000001</v>
          </cell>
          <cell r="AT7031">
            <v>2017</v>
          </cell>
          <cell r="AU7031">
            <v>3</v>
          </cell>
        </row>
        <row r="7032">
          <cell r="C7032">
            <v>1.3322000000000001</v>
          </cell>
          <cell r="AT7032">
            <v>2017</v>
          </cell>
          <cell r="AU7032">
            <v>4</v>
          </cell>
        </row>
        <row r="7033">
          <cell r="C7033">
            <v>1.3322000000000001</v>
          </cell>
          <cell r="AT7033">
            <v>2017</v>
          </cell>
          <cell r="AU7033">
            <v>4</v>
          </cell>
        </row>
        <row r="7034">
          <cell r="C7034">
            <v>1.3322000000000001</v>
          </cell>
          <cell r="AT7034">
            <v>2017</v>
          </cell>
          <cell r="AU7034">
            <v>4</v>
          </cell>
        </row>
        <row r="7035">
          <cell r="C7035">
            <v>1.3389</v>
          </cell>
          <cell r="AT7035">
            <v>2017</v>
          </cell>
          <cell r="AU7035">
            <v>4</v>
          </cell>
        </row>
        <row r="7036">
          <cell r="C7036">
            <v>1.3414999999999999</v>
          </cell>
          <cell r="AT7036">
            <v>2017</v>
          </cell>
          <cell r="AU7036">
            <v>4</v>
          </cell>
        </row>
        <row r="7037">
          <cell r="C7037">
            <v>1.3411</v>
          </cell>
          <cell r="AT7037">
            <v>2017</v>
          </cell>
          <cell r="AU7037">
            <v>4</v>
          </cell>
        </row>
        <row r="7038">
          <cell r="C7038">
            <v>1.3409</v>
          </cell>
          <cell r="AT7038">
            <v>2017</v>
          </cell>
          <cell r="AU7038">
            <v>4</v>
          </cell>
        </row>
        <row r="7039">
          <cell r="C7039">
            <v>1.3396999999999999</v>
          </cell>
          <cell r="AT7039">
            <v>2017</v>
          </cell>
          <cell r="AU7039">
            <v>4</v>
          </cell>
        </row>
        <row r="7040">
          <cell r="C7040">
            <v>1.3396999999999999</v>
          </cell>
          <cell r="AT7040">
            <v>2017</v>
          </cell>
          <cell r="AU7040">
            <v>4</v>
          </cell>
        </row>
        <row r="7041">
          <cell r="C7041">
            <v>1.3396999999999999</v>
          </cell>
          <cell r="AT7041">
            <v>2017</v>
          </cell>
          <cell r="AU7041">
            <v>4</v>
          </cell>
        </row>
        <row r="7042">
          <cell r="C7042">
            <v>1.3347</v>
          </cell>
          <cell r="AT7042">
            <v>2017</v>
          </cell>
          <cell r="AU7042">
            <v>4</v>
          </cell>
        </row>
        <row r="7043">
          <cell r="C7043">
            <v>1.3334999999999999</v>
          </cell>
          <cell r="AT7043">
            <v>2017</v>
          </cell>
          <cell r="AU7043">
            <v>4</v>
          </cell>
        </row>
        <row r="7044">
          <cell r="C7044">
            <v>1.3302</v>
          </cell>
          <cell r="AT7044">
            <v>2017</v>
          </cell>
          <cell r="AU7044">
            <v>4</v>
          </cell>
        </row>
        <row r="7045">
          <cell r="C7045">
            <v>1.3265</v>
          </cell>
          <cell r="AT7045">
            <v>2017</v>
          </cell>
          <cell r="AU7045">
            <v>4</v>
          </cell>
        </row>
        <row r="7046">
          <cell r="C7046">
            <v>1.3265</v>
          </cell>
          <cell r="AT7046">
            <v>2017</v>
          </cell>
          <cell r="AU7046">
            <v>4</v>
          </cell>
        </row>
        <row r="7047">
          <cell r="C7047">
            <v>1.3265</v>
          </cell>
          <cell r="AT7047">
            <v>2017</v>
          </cell>
          <cell r="AU7047">
            <v>4</v>
          </cell>
        </row>
        <row r="7048">
          <cell r="C7048">
            <v>1.3265</v>
          </cell>
          <cell r="AT7048">
            <v>2017</v>
          </cell>
          <cell r="AU7048">
            <v>4</v>
          </cell>
        </row>
        <row r="7049">
          <cell r="C7049">
            <v>1.3277000000000001</v>
          </cell>
          <cell r="AT7049">
            <v>2017</v>
          </cell>
          <cell r="AU7049">
            <v>4</v>
          </cell>
        </row>
        <row r="7050">
          <cell r="C7050">
            <v>1.3381000000000001</v>
          </cell>
          <cell r="AT7050">
            <v>2017</v>
          </cell>
          <cell r="AU7050">
            <v>4</v>
          </cell>
        </row>
        <row r="7051">
          <cell r="C7051">
            <v>1.3469</v>
          </cell>
          <cell r="AT7051">
            <v>2017</v>
          </cell>
          <cell r="AU7051">
            <v>4</v>
          </cell>
        </row>
        <row r="7052">
          <cell r="C7052">
            <v>1.3480000000000001</v>
          </cell>
          <cell r="AT7052">
            <v>2017</v>
          </cell>
          <cell r="AU7052">
            <v>4</v>
          </cell>
        </row>
        <row r="7053">
          <cell r="C7053">
            <v>1.3503000000000001</v>
          </cell>
          <cell r="AT7053">
            <v>2017</v>
          </cell>
          <cell r="AU7053">
            <v>4</v>
          </cell>
        </row>
        <row r="7054">
          <cell r="C7054">
            <v>1.3503000000000001</v>
          </cell>
          <cell r="AT7054">
            <v>2017</v>
          </cell>
          <cell r="AU7054">
            <v>4</v>
          </cell>
        </row>
        <row r="7055">
          <cell r="C7055">
            <v>1.3503000000000001</v>
          </cell>
          <cell r="AT7055">
            <v>2017</v>
          </cell>
          <cell r="AU7055">
            <v>4</v>
          </cell>
        </row>
        <row r="7056">
          <cell r="C7056">
            <v>1.3515999999999999</v>
          </cell>
          <cell r="AT7056">
            <v>2017</v>
          </cell>
          <cell r="AU7056">
            <v>4</v>
          </cell>
        </row>
        <row r="7057">
          <cell r="C7057">
            <v>1.3614999999999999</v>
          </cell>
          <cell r="AT7057">
            <v>2017</v>
          </cell>
          <cell r="AU7057">
            <v>4</v>
          </cell>
        </row>
        <row r="7058">
          <cell r="C7058">
            <v>1.3592</v>
          </cell>
          <cell r="AT7058">
            <v>2017</v>
          </cell>
          <cell r="AU7058">
            <v>4</v>
          </cell>
        </row>
        <row r="7059">
          <cell r="C7059">
            <v>1.3667</v>
          </cell>
          <cell r="AT7059">
            <v>2017</v>
          </cell>
          <cell r="AU7059">
            <v>4</v>
          </cell>
        </row>
        <row r="7060">
          <cell r="C7060">
            <v>1.3665</v>
          </cell>
          <cell r="AT7060">
            <v>2017</v>
          </cell>
          <cell r="AU7060">
            <v>4</v>
          </cell>
        </row>
        <row r="7061">
          <cell r="C7061">
            <v>1.3665</v>
          </cell>
          <cell r="AT7061">
            <v>2017</v>
          </cell>
          <cell r="AU7061">
            <v>4</v>
          </cell>
        </row>
        <row r="7062">
          <cell r="C7062">
            <v>1.3665</v>
          </cell>
          <cell r="AT7062">
            <v>2017</v>
          </cell>
          <cell r="AU7062">
            <v>5</v>
          </cell>
        </row>
        <row r="7063">
          <cell r="C7063">
            <v>1.3660000000000001</v>
          </cell>
          <cell r="AT7063">
            <v>2017</v>
          </cell>
          <cell r="AU7063">
            <v>5</v>
          </cell>
        </row>
        <row r="7064">
          <cell r="C7064">
            <v>1.3720000000000001</v>
          </cell>
          <cell r="AT7064">
            <v>2017</v>
          </cell>
          <cell r="AU7064">
            <v>5</v>
          </cell>
        </row>
        <row r="7065">
          <cell r="C7065">
            <v>1.3714</v>
          </cell>
          <cell r="AT7065">
            <v>2017</v>
          </cell>
          <cell r="AU7065">
            <v>5</v>
          </cell>
        </row>
        <row r="7066">
          <cell r="C7066">
            <v>1.3743000000000001</v>
          </cell>
          <cell r="AT7066">
            <v>2017</v>
          </cell>
          <cell r="AU7066">
            <v>5</v>
          </cell>
        </row>
        <row r="7067">
          <cell r="C7067">
            <v>1.3712</v>
          </cell>
          <cell r="AT7067">
            <v>2017</v>
          </cell>
          <cell r="AU7067">
            <v>5</v>
          </cell>
        </row>
        <row r="7068">
          <cell r="C7068">
            <v>1.3712</v>
          </cell>
          <cell r="AT7068">
            <v>2017</v>
          </cell>
          <cell r="AU7068">
            <v>5</v>
          </cell>
        </row>
        <row r="7069">
          <cell r="C7069">
            <v>1.3712</v>
          </cell>
          <cell r="AT7069">
            <v>2017</v>
          </cell>
          <cell r="AU7069">
            <v>5</v>
          </cell>
        </row>
        <row r="7070">
          <cell r="C7070">
            <v>1.3705000000000001</v>
          </cell>
          <cell r="AT7070">
            <v>2017</v>
          </cell>
          <cell r="AU7070">
            <v>5</v>
          </cell>
        </row>
        <row r="7071">
          <cell r="C7071">
            <v>1.3728</v>
          </cell>
          <cell r="AT7071">
            <v>2017</v>
          </cell>
          <cell r="AU7071">
            <v>5</v>
          </cell>
        </row>
        <row r="7072">
          <cell r="C7072">
            <v>1.3672</v>
          </cell>
          <cell r="AT7072">
            <v>2017</v>
          </cell>
          <cell r="AU7072">
            <v>5</v>
          </cell>
        </row>
        <row r="7073">
          <cell r="C7073">
            <v>1.3707</v>
          </cell>
          <cell r="AT7073">
            <v>2017</v>
          </cell>
          <cell r="AU7073">
            <v>5</v>
          </cell>
        </row>
        <row r="7074">
          <cell r="C7074">
            <v>1.3714</v>
          </cell>
          <cell r="AT7074">
            <v>2017</v>
          </cell>
          <cell r="AU7074">
            <v>5</v>
          </cell>
        </row>
        <row r="7075">
          <cell r="C7075">
            <v>1.3714</v>
          </cell>
          <cell r="AT7075">
            <v>2017</v>
          </cell>
          <cell r="AU7075">
            <v>5</v>
          </cell>
        </row>
        <row r="7076">
          <cell r="C7076">
            <v>1.3714</v>
          </cell>
          <cell r="AT7076">
            <v>2017</v>
          </cell>
          <cell r="AU7076">
            <v>5</v>
          </cell>
        </row>
        <row r="7077">
          <cell r="C7077">
            <v>1.3641000000000001</v>
          </cell>
          <cell r="AT7077">
            <v>2017</v>
          </cell>
          <cell r="AU7077">
            <v>5</v>
          </cell>
        </row>
        <row r="7078">
          <cell r="C7078">
            <v>1.3595999999999999</v>
          </cell>
          <cell r="AT7078">
            <v>2017</v>
          </cell>
          <cell r="AU7078">
            <v>5</v>
          </cell>
        </row>
        <row r="7079">
          <cell r="C7079">
            <v>1.3613999999999999</v>
          </cell>
          <cell r="AT7079">
            <v>2017</v>
          </cell>
          <cell r="AU7079">
            <v>5</v>
          </cell>
        </row>
        <row r="7080">
          <cell r="C7080">
            <v>1.3611</v>
          </cell>
          <cell r="AT7080">
            <v>2017</v>
          </cell>
          <cell r="AU7080">
            <v>5</v>
          </cell>
        </row>
        <row r="7081">
          <cell r="C7081">
            <v>1.3544</v>
          </cell>
          <cell r="AT7081">
            <v>2017</v>
          </cell>
          <cell r="AU7081">
            <v>5</v>
          </cell>
        </row>
        <row r="7082">
          <cell r="C7082">
            <v>1.3544</v>
          </cell>
          <cell r="AT7082">
            <v>2017</v>
          </cell>
          <cell r="AU7082">
            <v>5</v>
          </cell>
        </row>
        <row r="7083">
          <cell r="C7083">
            <v>1.3544</v>
          </cell>
          <cell r="AT7083">
            <v>2017</v>
          </cell>
          <cell r="AU7083">
            <v>5</v>
          </cell>
        </row>
        <row r="7084">
          <cell r="C7084">
            <v>1.3544</v>
          </cell>
          <cell r="AT7084">
            <v>2017</v>
          </cell>
          <cell r="AU7084">
            <v>5</v>
          </cell>
        </row>
        <row r="7085">
          <cell r="C7085">
            <v>1.349</v>
          </cell>
          <cell r="AT7085">
            <v>2017</v>
          </cell>
          <cell r="AU7085">
            <v>5</v>
          </cell>
        </row>
        <row r="7086">
          <cell r="C7086">
            <v>1.3460000000000001</v>
          </cell>
          <cell r="AT7086">
            <v>2017</v>
          </cell>
          <cell r="AU7086">
            <v>5</v>
          </cell>
        </row>
        <row r="7087">
          <cell r="C7087">
            <v>1.3452999999999999</v>
          </cell>
          <cell r="AT7087">
            <v>2017</v>
          </cell>
          <cell r="AU7087">
            <v>5</v>
          </cell>
        </row>
        <row r="7088">
          <cell r="C7088">
            <v>1.3455999999999999</v>
          </cell>
          <cell r="AT7088">
            <v>2017</v>
          </cell>
          <cell r="AU7088">
            <v>5</v>
          </cell>
        </row>
        <row r="7089">
          <cell r="C7089">
            <v>1.3455999999999999</v>
          </cell>
          <cell r="AT7089">
            <v>2017</v>
          </cell>
          <cell r="AU7089">
            <v>5</v>
          </cell>
        </row>
        <row r="7090">
          <cell r="C7090">
            <v>1.3455999999999999</v>
          </cell>
          <cell r="AT7090">
            <v>2017</v>
          </cell>
          <cell r="AU7090">
            <v>5</v>
          </cell>
        </row>
        <row r="7091">
          <cell r="C7091">
            <v>1.3446</v>
          </cell>
          <cell r="AT7091">
            <v>2017</v>
          </cell>
          <cell r="AU7091">
            <v>5</v>
          </cell>
        </row>
        <row r="7092">
          <cell r="C7092">
            <v>1.3469</v>
          </cell>
          <cell r="AT7092">
            <v>2017</v>
          </cell>
          <cell r="AU7092">
            <v>5</v>
          </cell>
        </row>
        <row r="7093">
          <cell r="C7093">
            <v>1.35</v>
          </cell>
          <cell r="AT7093">
            <v>2017</v>
          </cell>
          <cell r="AU7093">
            <v>6</v>
          </cell>
        </row>
        <row r="7094">
          <cell r="C7094">
            <v>1.35</v>
          </cell>
          <cell r="AT7094">
            <v>2017</v>
          </cell>
          <cell r="AU7094">
            <v>6</v>
          </cell>
        </row>
        <row r="7095">
          <cell r="C7095">
            <v>1.3504</v>
          </cell>
          <cell r="AT7095">
            <v>2017</v>
          </cell>
          <cell r="AU7095">
            <v>6</v>
          </cell>
        </row>
        <row r="7096">
          <cell r="C7096">
            <v>1.3504</v>
          </cell>
          <cell r="AT7096">
            <v>2017</v>
          </cell>
          <cell r="AU7096">
            <v>6</v>
          </cell>
        </row>
        <row r="7097">
          <cell r="C7097">
            <v>1.3504</v>
          </cell>
          <cell r="AT7097">
            <v>2017</v>
          </cell>
          <cell r="AU7097">
            <v>6</v>
          </cell>
        </row>
        <row r="7098">
          <cell r="C7098">
            <v>1.3483000000000001</v>
          </cell>
          <cell r="AT7098">
            <v>2017</v>
          </cell>
          <cell r="AU7098">
            <v>6</v>
          </cell>
        </row>
        <row r="7099">
          <cell r="C7099">
            <v>1.3461000000000001</v>
          </cell>
          <cell r="AT7099">
            <v>2017</v>
          </cell>
          <cell r="AU7099">
            <v>6</v>
          </cell>
        </row>
        <row r="7100">
          <cell r="C7100">
            <v>1.3492</v>
          </cell>
          <cell r="AT7100">
            <v>2017</v>
          </cell>
          <cell r="AU7100">
            <v>6</v>
          </cell>
        </row>
        <row r="7101">
          <cell r="C7101">
            <v>1.3503000000000001</v>
          </cell>
          <cell r="AT7101">
            <v>2017</v>
          </cell>
          <cell r="AU7101">
            <v>6</v>
          </cell>
        </row>
        <row r="7102">
          <cell r="C7102">
            <v>1.3452999999999999</v>
          </cell>
          <cell r="AT7102">
            <v>2017</v>
          </cell>
          <cell r="AU7102">
            <v>6</v>
          </cell>
        </row>
        <row r="7103">
          <cell r="C7103">
            <v>1.3452999999999999</v>
          </cell>
          <cell r="AT7103">
            <v>2017</v>
          </cell>
          <cell r="AU7103">
            <v>6</v>
          </cell>
        </row>
        <row r="7104">
          <cell r="C7104">
            <v>1.3452999999999999</v>
          </cell>
          <cell r="AT7104">
            <v>2017</v>
          </cell>
          <cell r="AU7104">
            <v>6</v>
          </cell>
        </row>
        <row r="7105">
          <cell r="C7105">
            <v>1.3414999999999999</v>
          </cell>
          <cell r="AT7105">
            <v>2017</v>
          </cell>
          <cell r="AU7105">
            <v>6</v>
          </cell>
        </row>
        <row r="7106">
          <cell r="C7106">
            <v>1.3238000000000001</v>
          </cell>
          <cell r="AT7106">
            <v>2017</v>
          </cell>
          <cell r="AU7106">
            <v>6</v>
          </cell>
        </row>
        <row r="7107">
          <cell r="C7107">
            <v>1.3209</v>
          </cell>
          <cell r="AT7107">
            <v>2017</v>
          </cell>
          <cell r="AU7107">
            <v>6</v>
          </cell>
        </row>
        <row r="7108">
          <cell r="C7108">
            <v>1.3283</v>
          </cell>
          <cell r="AT7108">
            <v>2017</v>
          </cell>
          <cell r="AU7108">
            <v>6</v>
          </cell>
        </row>
        <row r="7109">
          <cell r="C7109">
            <v>1.3231999999999999</v>
          </cell>
          <cell r="AT7109">
            <v>2017</v>
          </cell>
          <cell r="AU7109">
            <v>6</v>
          </cell>
        </row>
        <row r="7110">
          <cell r="C7110">
            <v>1.3231999999999999</v>
          </cell>
          <cell r="AT7110">
            <v>2017</v>
          </cell>
          <cell r="AU7110">
            <v>6</v>
          </cell>
        </row>
        <row r="7111">
          <cell r="C7111">
            <v>1.3231999999999999</v>
          </cell>
          <cell r="AT7111">
            <v>2017</v>
          </cell>
          <cell r="AU7111">
            <v>6</v>
          </cell>
        </row>
        <row r="7112">
          <cell r="C7112">
            <v>1.3220000000000001</v>
          </cell>
          <cell r="AT7112">
            <v>2017</v>
          </cell>
          <cell r="AU7112">
            <v>6</v>
          </cell>
        </row>
        <row r="7113">
          <cell r="C7113">
            <v>1.3267</v>
          </cell>
          <cell r="AT7113">
            <v>2017</v>
          </cell>
          <cell r="AU7113">
            <v>6</v>
          </cell>
        </row>
        <row r="7114">
          <cell r="C7114">
            <v>1.331</v>
          </cell>
          <cell r="AT7114">
            <v>2017</v>
          </cell>
          <cell r="AU7114">
            <v>6</v>
          </cell>
        </row>
        <row r="7115">
          <cell r="C7115">
            <v>1.3241000000000001</v>
          </cell>
          <cell r="AT7115">
            <v>2017</v>
          </cell>
          <cell r="AU7115">
            <v>6</v>
          </cell>
        </row>
        <row r="7116">
          <cell r="C7116">
            <v>1.3268</v>
          </cell>
          <cell r="AT7116">
            <v>2017</v>
          </cell>
          <cell r="AU7116">
            <v>6</v>
          </cell>
        </row>
        <row r="7117">
          <cell r="C7117">
            <v>1.3268</v>
          </cell>
          <cell r="AT7117">
            <v>2017</v>
          </cell>
          <cell r="AU7117">
            <v>6</v>
          </cell>
        </row>
        <row r="7118">
          <cell r="C7118">
            <v>1.3268</v>
          </cell>
          <cell r="AT7118">
            <v>2017</v>
          </cell>
          <cell r="AU7118">
            <v>6</v>
          </cell>
        </row>
        <row r="7119">
          <cell r="C7119">
            <v>1.3238000000000001</v>
          </cell>
          <cell r="AT7119">
            <v>2017</v>
          </cell>
          <cell r="AU7119">
            <v>6</v>
          </cell>
        </row>
        <row r="7120">
          <cell r="C7120">
            <v>1.3188</v>
          </cell>
          <cell r="AT7120">
            <v>2017</v>
          </cell>
          <cell r="AU7120">
            <v>6</v>
          </cell>
        </row>
        <row r="7121">
          <cell r="C7121">
            <v>1.306</v>
          </cell>
          <cell r="AT7121">
            <v>2017</v>
          </cell>
          <cell r="AU7121">
            <v>6</v>
          </cell>
        </row>
        <row r="7122">
          <cell r="C7122">
            <v>1.3015000000000001</v>
          </cell>
          <cell r="AT7122">
            <v>2017</v>
          </cell>
          <cell r="AU7122">
            <v>6</v>
          </cell>
        </row>
        <row r="7123">
          <cell r="C7123">
            <v>1.2977000000000001</v>
          </cell>
          <cell r="AT7123">
            <v>2017</v>
          </cell>
          <cell r="AU7123">
            <v>7</v>
          </cell>
        </row>
        <row r="7124">
          <cell r="C7124">
            <v>1.2977000000000001</v>
          </cell>
          <cell r="AT7124">
            <v>2017</v>
          </cell>
          <cell r="AU7124">
            <v>7</v>
          </cell>
        </row>
        <row r="7125">
          <cell r="C7125">
            <v>1.2977000000000001</v>
          </cell>
          <cell r="AT7125">
            <v>2017</v>
          </cell>
          <cell r="AU7125">
            <v>7</v>
          </cell>
        </row>
        <row r="7126">
          <cell r="C7126">
            <v>1.2977000000000001</v>
          </cell>
          <cell r="AT7126">
            <v>2017</v>
          </cell>
          <cell r="AU7126">
            <v>7</v>
          </cell>
        </row>
        <row r="7127">
          <cell r="C7127">
            <v>1.2941</v>
          </cell>
          <cell r="AT7127">
            <v>2017</v>
          </cell>
          <cell r="AU7127">
            <v>7</v>
          </cell>
        </row>
        <row r="7128">
          <cell r="C7128">
            <v>1.2982</v>
          </cell>
          <cell r="AT7128">
            <v>2017</v>
          </cell>
          <cell r="AU7128">
            <v>7</v>
          </cell>
        </row>
        <row r="7129">
          <cell r="C7129">
            <v>1.2946</v>
          </cell>
          <cell r="AT7129">
            <v>2017</v>
          </cell>
          <cell r="AU7129">
            <v>7</v>
          </cell>
        </row>
        <row r="7130">
          <cell r="C7130">
            <v>1.2887</v>
          </cell>
          <cell r="AT7130">
            <v>2017</v>
          </cell>
          <cell r="AU7130">
            <v>7</v>
          </cell>
        </row>
        <row r="7131">
          <cell r="C7131">
            <v>1.2887</v>
          </cell>
          <cell r="AT7131">
            <v>2017</v>
          </cell>
          <cell r="AU7131">
            <v>7</v>
          </cell>
        </row>
        <row r="7132">
          <cell r="C7132">
            <v>1.2887</v>
          </cell>
          <cell r="AT7132">
            <v>2017</v>
          </cell>
          <cell r="AU7132">
            <v>7</v>
          </cell>
        </row>
        <row r="7133">
          <cell r="C7133">
            <v>1.2887999999999999</v>
          </cell>
          <cell r="AT7133">
            <v>2017</v>
          </cell>
          <cell r="AU7133">
            <v>7</v>
          </cell>
        </row>
        <row r="7134">
          <cell r="C7134">
            <v>1.292</v>
          </cell>
          <cell r="AT7134">
            <v>2017</v>
          </cell>
          <cell r="AU7134">
            <v>7</v>
          </cell>
        </row>
        <row r="7135">
          <cell r="C7135">
            <v>1.2794000000000001</v>
          </cell>
          <cell r="AT7135">
            <v>2017</v>
          </cell>
          <cell r="AU7135">
            <v>7</v>
          </cell>
        </row>
        <row r="7136">
          <cell r="C7136">
            <v>1.2743</v>
          </cell>
          <cell r="AT7136">
            <v>2017</v>
          </cell>
          <cell r="AU7136">
            <v>7</v>
          </cell>
        </row>
        <row r="7137">
          <cell r="C7137">
            <v>1.2672000000000001</v>
          </cell>
          <cell r="AT7137">
            <v>2017</v>
          </cell>
          <cell r="AU7137">
            <v>7</v>
          </cell>
        </row>
        <row r="7138">
          <cell r="C7138">
            <v>1.2672000000000001</v>
          </cell>
          <cell r="AT7138">
            <v>2017</v>
          </cell>
          <cell r="AU7138">
            <v>7</v>
          </cell>
        </row>
        <row r="7139">
          <cell r="C7139">
            <v>1.2672000000000001</v>
          </cell>
          <cell r="AT7139">
            <v>2017</v>
          </cell>
          <cell r="AU7139">
            <v>7</v>
          </cell>
        </row>
        <row r="7140">
          <cell r="C7140">
            <v>1.2668999999999999</v>
          </cell>
          <cell r="AT7140">
            <v>2017</v>
          </cell>
          <cell r="AU7140">
            <v>7</v>
          </cell>
        </row>
        <row r="7141">
          <cell r="C7141">
            <v>1.2627999999999999</v>
          </cell>
          <cell r="AT7141">
            <v>2017</v>
          </cell>
          <cell r="AU7141">
            <v>7</v>
          </cell>
        </row>
        <row r="7142">
          <cell r="C7142">
            <v>1.2595000000000001</v>
          </cell>
          <cell r="AT7142">
            <v>2017</v>
          </cell>
          <cell r="AU7142">
            <v>7</v>
          </cell>
        </row>
        <row r="7143">
          <cell r="C7143">
            <v>1.2585</v>
          </cell>
          <cell r="AT7143">
            <v>2017</v>
          </cell>
          <cell r="AU7143">
            <v>7</v>
          </cell>
        </row>
        <row r="7144">
          <cell r="C7144">
            <v>1.2548999999999999</v>
          </cell>
          <cell r="AT7144">
            <v>2017</v>
          </cell>
          <cell r="AU7144">
            <v>7</v>
          </cell>
        </row>
        <row r="7145">
          <cell r="C7145">
            <v>1.2548999999999999</v>
          </cell>
          <cell r="AT7145">
            <v>2017</v>
          </cell>
          <cell r="AU7145">
            <v>7</v>
          </cell>
        </row>
        <row r="7146">
          <cell r="C7146">
            <v>1.2548999999999999</v>
          </cell>
          <cell r="AT7146">
            <v>2017</v>
          </cell>
          <cell r="AU7146">
            <v>7</v>
          </cell>
        </row>
        <row r="7147">
          <cell r="C7147">
            <v>1.2512000000000001</v>
          </cell>
          <cell r="AT7147">
            <v>2017</v>
          </cell>
          <cell r="AU7147">
            <v>7</v>
          </cell>
        </row>
        <row r="7148">
          <cell r="C7148">
            <v>1.2506999999999999</v>
          </cell>
          <cell r="AT7148">
            <v>2017</v>
          </cell>
          <cell r="AU7148">
            <v>7</v>
          </cell>
        </row>
        <row r="7149">
          <cell r="C7149">
            <v>1.2504999999999999</v>
          </cell>
          <cell r="AT7149">
            <v>2017</v>
          </cell>
          <cell r="AU7149">
            <v>7</v>
          </cell>
        </row>
        <row r="7150">
          <cell r="C7150">
            <v>1.252</v>
          </cell>
          <cell r="AT7150">
            <v>2017</v>
          </cell>
          <cell r="AU7150">
            <v>7</v>
          </cell>
        </row>
        <row r="7151">
          <cell r="C7151">
            <v>1.2446999999999999</v>
          </cell>
          <cell r="AT7151">
            <v>2017</v>
          </cell>
          <cell r="AU7151">
            <v>7</v>
          </cell>
        </row>
        <row r="7152">
          <cell r="C7152">
            <v>1.2446999999999999</v>
          </cell>
          <cell r="AT7152">
            <v>2017</v>
          </cell>
          <cell r="AU7152">
            <v>7</v>
          </cell>
        </row>
        <row r="7153">
          <cell r="C7153">
            <v>1.2446999999999999</v>
          </cell>
          <cell r="AT7153">
            <v>2017</v>
          </cell>
          <cell r="AU7153">
            <v>7</v>
          </cell>
        </row>
        <row r="7154">
          <cell r="C7154">
            <v>1.2484999999999999</v>
          </cell>
          <cell r="AT7154">
            <v>2017</v>
          </cell>
          <cell r="AU7154">
            <v>8</v>
          </cell>
        </row>
        <row r="7155">
          <cell r="C7155">
            <v>1.2514000000000001</v>
          </cell>
          <cell r="AT7155">
            <v>2017</v>
          </cell>
          <cell r="AU7155">
            <v>8</v>
          </cell>
        </row>
        <row r="7156">
          <cell r="C7156">
            <v>1.256</v>
          </cell>
          <cell r="AT7156">
            <v>2017</v>
          </cell>
          <cell r="AU7156">
            <v>8</v>
          </cell>
        </row>
        <row r="7157">
          <cell r="C7157">
            <v>1.2578</v>
          </cell>
          <cell r="AT7157">
            <v>2017</v>
          </cell>
          <cell r="AU7157">
            <v>8</v>
          </cell>
        </row>
        <row r="7158">
          <cell r="C7158">
            <v>1.2638</v>
          </cell>
          <cell r="AT7158">
            <v>2017</v>
          </cell>
          <cell r="AU7158">
            <v>8</v>
          </cell>
        </row>
        <row r="7159">
          <cell r="C7159">
            <v>1.2638</v>
          </cell>
          <cell r="AT7159">
            <v>2017</v>
          </cell>
          <cell r="AU7159">
            <v>8</v>
          </cell>
        </row>
        <row r="7160">
          <cell r="C7160">
            <v>1.2638</v>
          </cell>
          <cell r="AT7160">
            <v>2017</v>
          </cell>
          <cell r="AU7160">
            <v>8</v>
          </cell>
        </row>
        <row r="7161">
          <cell r="C7161">
            <v>1.2638</v>
          </cell>
          <cell r="AT7161">
            <v>2017</v>
          </cell>
          <cell r="AU7161">
            <v>8</v>
          </cell>
        </row>
        <row r="7162">
          <cell r="C7162">
            <v>1.2672000000000001</v>
          </cell>
          <cell r="AT7162">
            <v>2017</v>
          </cell>
          <cell r="AU7162">
            <v>8</v>
          </cell>
        </row>
        <row r="7163">
          <cell r="C7163">
            <v>1.2705</v>
          </cell>
          <cell r="AT7163">
            <v>2017</v>
          </cell>
          <cell r="AU7163">
            <v>8</v>
          </cell>
        </row>
        <row r="7164">
          <cell r="C7164">
            <v>1.2710999999999999</v>
          </cell>
          <cell r="AT7164">
            <v>2017</v>
          </cell>
          <cell r="AU7164">
            <v>8</v>
          </cell>
        </row>
        <row r="7165">
          <cell r="C7165">
            <v>1.2685</v>
          </cell>
          <cell r="AT7165">
            <v>2017</v>
          </cell>
          <cell r="AU7165">
            <v>8</v>
          </cell>
        </row>
        <row r="7166">
          <cell r="C7166">
            <v>1.2685</v>
          </cell>
          <cell r="AT7166">
            <v>2017</v>
          </cell>
          <cell r="AU7166">
            <v>8</v>
          </cell>
        </row>
        <row r="7167">
          <cell r="C7167">
            <v>1.2685</v>
          </cell>
          <cell r="AT7167">
            <v>2017</v>
          </cell>
          <cell r="AU7167">
            <v>8</v>
          </cell>
        </row>
        <row r="7168">
          <cell r="C7168">
            <v>1.2705</v>
          </cell>
          <cell r="AT7168">
            <v>2017</v>
          </cell>
          <cell r="AU7168">
            <v>8</v>
          </cell>
        </row>
        <row r="7169">
          <cell r="C7169">
            <v>1.2755000000000001</v>
          </cell>
          <cell r="AT7169">
            <v>2017</v>
          </cell>
          <cell r="AU7169">
            <v>8</v>
          </cell>
        </row>
        <row r="7170">
          <cell r="C7170">
            <v>1.2699</v>
          </cell>
          <cell r="AT7170">
            <v>2017</v>
          </cell>
          <cell r="AU7170">
            <v>8</v>
          </cell>
        </row>
        <row r="7171">
          <cell r="C7171">
            <v>1.2646999999999999</v>
          </cell>
          <cell r="AT7171">
            <v>2017</v>
          </cell>
          <cell r="AU7171">
            <v>8</v>
          </cell>
        </row>
        <row r="7172">
          <cell r="C7172">
            <v>1.2585999999999999</v>
          </cell>
          <cell r="AT7172">
            <v>2017</v>
          </cell>
          <cell r="AU7172">
            <v>8</v>
          </cell>
        </row>
        <row r="7173">
          <cell r="C7173">
            <v>1.2585999999999999</v>
          </cell>
          <cell r="AT7173">
            <v>2017</v>
          </cell>
          <cell r="AU7173">
            <v>8</v>
          </cell>
        </row>
        <row r="7174">
          <cell r="C7174">
            <v>1.2585999999999999</v>
          </cell>
          <cell r="AT7174">
            <v>2017</v>
          </cell>
          <cell r="AU7174">
            <v>8</v>
          </cell>
        </row>
        <row r="7175">
          <cell r="C7175">
            <v>1.2575000000000001</v>
          </cell>
          <cell r="AT7175">
            <v>2017</v>
          </cell>
          <cell r="AU7175">
            <v>8</v>
          </cell>
        </row>
        <row r="7176">
          <cell r="C7176">
            <v>1.2552000000000001</v>
          </cell>
          <cell r="AT7176">
            <v>2017</v>
          </cell>
          <cell r="AU7176">
            <v>8</v>
          </cell>
        </row>
        <row r="7177">
          <cell r="C7177">
            <v>1.2564</v>
          </cell>
          <cell r="AT7177">
            <v>2017</v>
          </cell>
          <cell r="AU7177">
            <v>8</v>
          </cell>
        </row>
        <row r="7178">
          <cell r="C7178">
            <v>1.2528999999999999</v>
          </cell>
          <cell r="AT7178">
            <v>2017</v>
          </cell>
          <cell r="AU7178">
            <v>8</v>
          </cell>
        </row>
        <row r="7179">
          <cell r="C7179">
            <v>1.2492000000000001</v>
          </cell>
          <cell r="AT7179">
            <v>2017</v>
          </cell>
          <cell r="AU7179">
            <v>8</v>
          </cell>
        </row>
        <row r="7180">
          <cell r="C7180">
            <v>1.2492000000000001</v>
          </cell>
          <cell r="AT7180">
            <v>2017</v>
          </cell>
          <cell r="AU7180">
            <v>8</v>
          </cell>
        </row>
        <row r="7181">
          <cell r="C7181">
            <v>1.2492000000000001</v>
          </cell>
          <cell r="AT7181">
            <v>2017</v>
          </cell>
          <cell r="AU7181">
            <v>8</v>
          </cell>
        </row>
        <row r="7182">
          <cell r="C7182">
            <v>1.2482</v>
          </cell>
          <cell r="AT7182">
            <v>2017</v>
          </cell>
          <cell r="AU7182">
            <v>8</v>
          </cell>
        </row>
        <row r="7183">
          <cell r="C7183">
            <v>1.2515000000000001</v>
          </cell>
          <cell r="AT7183">
            <v>2017</v>
          </cell>
          <cell r="AU7183">
            <v>8</v>
          </cell>
        </row>
        <row r="7184">
          <cell r="C7184">
            <v>1.2605</v>
          </cell>
          <cell r="AT7184">
            <v>2017</v>
          </cell>
          <cell r="AU7184">
            <v>8</v>
          </cell>
        </row>
        <row r="7185">
          <cell r="C7185">
            <v>1.2536</v>
          </cell>
          <cell r="AT7185">
            <v>2017</v>
          </cell>
          <cell r="AU7185">
            <v>9</v>
          </cell>
        </row>
        <row r="7186">
          <cell r="C7186">
            <v>1.2390000000000001</v>
          </cell>
          <cell r="AT7186">
            <v>2017</v>
          </cell>
          <cell r="AU7186">
            <v>9</v>
          </cell>
        </row>
        <row r="7187">
          <cell r="C7187">
            <v>1.2390000000000001</v>
          </cell>
          <cell r="AT7187">
            <v>2017</v>
          </cell>
          <cell r="AU7187">
            <v>9</v>
          </cell>
        </row>
        <row r="7188">
          <cell r="C7188">
            <v>1.2390000000000001</v>
          </cell>
          <cell r="AT7188">
            <v>2017</v>
          </cell>
          <cell r="AU7188">
            <v>9</v>
          </cell>
        </row>
        <row r="7189">
          <cell r="C7189">
            <v>1.2390000000000001</v>
          </cell>
          <cell r="AT7189">
            <v>2017</v>
          </cell>
          <cell r="AU7189">
            <v>9</v>
          </cell>
        </row>
        <row r="7190">
          <cell r="C7190">
            <v>1.2371000000000001</v>
          </cell>
          <cell r="AT7190">
            <v>2017</v>
          </cell>
          <cell r="AU7190">
            <v>9</v>
          </cell>
        </row>
        <row r="7191">
          <cell r="C7191">
            <v>1.2263999999999999</v>
          </cell>
          <cell r="AT7191">
            <v>2017</v>
          </cell>
          <cell r="AU7191">
            <v>9</v>
          </cell>
        </row>
        <row r="7192">
          <cell r="C7192">
            <v>1.2148000000000001</v>
          </cell>
          <cell r="AT7192">
            <v>2017</v>
          </cell>
          <cell r="AU7192">
            <v>9</v>
          </cell>
        </row>
        <row r="7193">
          <cell r="C7193">
            <v>1.2132000000000001</v>
          </cell>
          <cell r="AT7193">
            <v>2017</v>
          </cell>
          <cell r="AU7193">
            <v>9</v>
          </cell>
        </row>
        <row r="7194">
          <cell r="C7194">
            <v>1.2132000000000001</v>
          </cell>
          <cell r="AT7194">
            <v>2017</v>
          </cell>
          <cell r="AU7194">
            <v>9</v>
          </cell>
        </row>
        <row r="7195">
          <cell r="C7195">
            <v>1.2132000000000001</v>
          </cell>
          <cell r="AT7195">
            <v>2017</v>
          </cell>
          <cell r="AU7195">
            <v>9</v>
          </cell>
        </row>
        <row r="7196">
          <cell r="C7196">
            <v>1.2128000000000001</v>
          </cell>
          <cell r="AT7196">
            <v>2017</v>
          </cell>
          <cell r="AU7196">
            <v>9</v>
          </cell>
        </row>
        <row r="7197">
          <cell r="C7197">
            <v>1.2159</v>
          </cell>
          <cell r="AT7197">
            <v>2017</v>
          </cell>
          <cell r="AU7197">
            <v>9</v>
          </cell>
        </row>
        <row r="7198">
          <cell r="C7198">
            <v>1.2186999999999999</v>
          </cell>
          <cell r="AT7198">
            <v>2017</v>
          </cell>
          <cell r="AU7198">
            <v>9</v>
          </cell>
        </row>
        <row r="7199">
          <cell r="C7199">
            <v>1.2198</v>
          </cell>
          <cell r="AT7199">
            <v>2017</v>
          </cell>
          <cell r="AU7199">
            <v>9</v>
          </cell>
        </row>
        <row r="7200">
          <cell r="C7200">
            <v>1.2181999999999999</v>
          </cell>
          <cell r="AT7200">
            <v>2017</v>
          </cell>
          <cell r="AU7200">
            <v>9</v>
          </cell>
        </row>
        <row r="7201">
          <cell r="C7201">
            <v>1.2181999999999999</v>
          </cell>
          <cell r="AT7201">
            <v>2017</v>
          </cell>
          <cell r="AU7201">
            <v>9</v>
          </cell>
        </row>
        <row r="7202">
          <cell r="C7202">
            <v>1.2181999999999999</v>
          </cell>
          <cell r="AT7202">
            <v>2017</v>
          </cell>
          <cell r="AU7202">
            <v>9</v>
          </cell>
        </row>
        <row r="7203">
          <cell r="C7203">
            <v>1.2238</v>
          </cell>
          <cell r="AT7203">
            <v>2017</v>
          </cell>
          <cell r="AU7203">
            <v>9</v>
          </cell>
        </row>
        <row r="7204">
          <cell r="C7204">
            <v>1.2277</v>
          </cell>
          <cell r="AT7204">
            <v>2017</v>
          </cell>
          <cell r="AU7204">
            <v>9</v>
          </cell>
        </row>
        <row r="7205">
          <cell r="C7205">
            <v>1.2273000000000001</v>
          </cell>
          <cell r="AT7205">
            <v>2017</v>
          </cell>
          <cell r="AU7205">
            <v>9</v>
          </cell>
        </row>
        <row r="7206">
          <cell r="C7206">
            <v>1.2339</v>
          </cell>
          <cell r="AT7206">
            <v>2017</v>
          </cell>
          <cell r="AU7206">
            <v>9</v>
          </cell>
        </row>
        <row r="7207">
          <cell r="C7207">
            <v>1.2317</v>
          </cell>
          <cell r="AT7207">
            <v>2017</v>
          </cell>
          <cell r="AU7207">
            <v>9</v>
          </cell>
        </row>
        <row r="7208">
          <cell r="C7208">
            <v>1.2317</v>
          </cell>
          <cell r="AT7208">
            <v>2017</v>
          </cell>
          <cell r="AU7208">
            <v>9</v>
          </cell>
        </row>
        <row r="7209">
          <cell r="C7209">
            <v>1.2317</v>
          </cell>
          <cell r="AT7209">
            <v>2017</v>
          </cell>
          <cell r="AU7209">
            <v>9</v>
          </cell>
        </row>
        <row r="7210">
          <cell r="C7210">
            <v>1.2341</v>
          </cell>
          <cell r="AT7210">
            <v>2017</v>
          </cell>
          <cell r="AU7210">
            <v>9</v>
          </cell>
        </row>
        <row r="7211">
          <cell r="C7211">
            <v>1.2370000000000001</v>
          </cell>
          <cell r="AT7211">
            <v>2017</v>
          </cell>
          <cell r="AU7211">
            <v>9</v>
          </cell>
        </row>
        <row r="7212">
          <cell r="C7212">
            <v>1.2412000000000001</v>
          </cell>
          <cell r="AT7212">
            <v>2017</v>
          </cell>
          <cell r="AU7212">
            <v>9</v>
          </cell>
        </row>
        <row r="7213">
          <cell r="C7213">
            <v>1.2450000000000001</v>
          </cell>
          <cell r="AT7213">
            <v>2017</v>
          </cell>
          <cell r="AU7213">
            <v>9</v>
          </cell>
        </row>
        <row r="7214">
          <cell r="C7214">
            <v>1.248</v>
          </cell>
          <cell r="AT7214">
            <v>2017</v>
          </cell>
          <cell r="AU7214">
            <v>9</v>
          </cell>
        </row>
        <row r="7215">
          <cell r="C7215">
            <v>1.248</v>
          </cell>
          <cell r="AT7215">
            <v>2017</v>
          </cell>
          <cell r="AU7215">
            <v>10</v>
          </cell>
        </row>
        <row r="7216">
          <cell r="C7216">
            <v>1.248</v>
          </cell>
          <cell r="AT7216">
            <v>2017</v>
          </cell>
          <cell r="AU7216">
            <v>10</v>
          </cell>
        </row>
        <row r="7217">
          <cell r="C7217">
            <v>1.2504999999999999</v>
          </cell>
          <cell r="AT7217">
            <v>2017</v>
          </cell>
          <cell r="AU7217">
            <v>10</v>
          </cell>
        </row>
        <row r="7218">
          <cell r="C7218">
            <v>1.25</v>
          </cell>
          <cell r="AT7218">
            <v>2017</v>
          </cell>
          <cell r="AU7218">
            <v>10</v>
          </cell>
        </row>
        <row r="7219">
          <cell r="C7219">
            <v>1.2479</v>
          </cell>
          <cell r="AT7219">
            <v>2017</v>
          </cell>
          <cell r="AU7219">
            <v>10</v>
          </cell>
        </row>
        <row r="7220">
          <cell r="C7220">
            <v>1.2547999999999999</v>
          </cell>
          <cell r="AT7220">
            <v>2017</v>
          </cell>
          <cell r="AU7220">
            <v>10</v>
          </cell>
        </row>
        <row r="7221">
          <cell r="C7221">
            <v>1.2548999999999999</v>
          </cell>
          <cell r="AT7221">
            <v>2017</v>
          </cell>
          <cell r="AU7221">
            <v>10</v>
          </cell>
        </row>
        <row r="7222">
          <cell r="C7222">
            <v>1.2548999999999999</v>
          </cell>
          <cell r="AT7222">
            <v>2017</v>
          </cell>
          <cell r="AU7222">
            <v>10</v>
          </cell>
        </row>
        <row r="7223">
          <cell r="C7223">
            <v>1.2548999999999999</v>
          </cell>
          <cell r="AT7223">
            <v>2017</v>
          </cell>
          <cell r="AU7223">
            <v>10</v>
          </cell>
        </row>
        <row r="7224">
          <cell r="C7224">
            <v>1.2548999999999999</v>
          </cell>
          <cell r="AT7224">
            <v>2017</v>
          </cell>
          <cell r="AU7224">
            <v>10</v>
          </cell>
        </row>
        <row r="7225">
          <cell r="C7225">
            <v>1.2501</v>
          </cell>
          <cell r="AT7225">
            <v>2017</v>
          </cell>
          <cell r="AU7225">
            <v>10</v>
          </cell>
        </row>
        <row r="7226">
          <cell r="C7226">
            <v>1.2498</v>
          </cell>
          <cell r="AT7226">
            <v>2017</v>
          </cell>
          <cell r="AU7226">
            <v>10</v>
          </cell>
        </row>
        <row r="7227">
          <cell r="C7227">
            <v>1.2472000000000001</v>
          </cell>
          <cell r="AT7227">
            <v>2017</v>
          </cell>
          <cell r="AU7227">
            <v>10</v>
          </cell>
        </row>
        <row r="7228">
          <cell r="C7228">
            <v>1.2486999999999999</v>
          </cell>
          <cell r="AT7228">
            <v>2017</v>
          </cell>
          <cell r="AU7228">
            <v>10</v>
          </cell>
        </row>
        <row r="7229">
          <cell r="C7229">
            <v>1.2486999999999999</v>
          </cell>
          <cell r="AT7229">
            <v>2017</v>
          </cell>
          <cell r="AU7229">
            <v>10</v>
          </cell>
        </row>
        <row r="7230">
          <cell r="C7230">
            <v>1.2486999999999999</v>
          </cell>
          <cell r="AT7230">
            <v>2017</v>
          </cell>
          <cell r="AU7230">
            <v>10</v>
          </cell>
        </row>
        <row r="7231">
          <cell r="C7231">
            <v>1.2528999999999999</v>
          </cell>
          <cell r="AT7231">
            <v>2017</v>
          </cell>
          <cell r="AU7231">
            <v>10</v>
          </cell>
        </row>
        <row r="7232">
          <cell r="C7232">
            <v>1.2547999999999999</v>
          </cell>
          <cell r="AT7232">
            <v>2017</v>
          </cell>
          <cell r="AU7232">
            <v>10</v>
          </cell>
        </row>
        <row r="7233">
          <cell r="C7233">
            <v>1.2485999999999999</v>
          </cell>
          <cell r="AT7233">
            <v>2017</v>
          </cell>
          <cell r="AU7233">
            <v>10</v>
          </cell>
        </row>
        <row r="7234">
          <cell r="C7234">
            <v>1.2478</v>
          </cell>
          <cell r="AT7234">
            <v>2017</v>
          </cell>
          <cell r="AU7234">
            <v>10</v>
          </cell>
        </row>
        <row r="7235">
          <cell r="C7235">
            <v>1.2601</v>
          </cell>
          <cell r="AT7235">
            <v>2017</v>
          </cell>
          <cell r="AU7235">
            <v>10</v>
          </cell>
        </row>
        <row r="7236">
          <cell r="C7236">
            <v>1.2601</v>
          </cell>
          <cell r="AT7236">
            <v>2017</v>
          </cell>
          <cell r="AU7236">
            <v>10</v>
          </cell>
        </row>
        <row r="7237">
          <cell r="C7237">
            <v>1.2601</v>
          </cell>
          <cell r="AT7237">
            <v>2017</v>
          </cell>
          <cell r="AU7237">
            <v>10</v>
          </cell>
        </row>
        <row r="7238">
          <cell r="C7238">
            <v>1.2644</v>
          </cell>
          <cell r="AT7238">
            <v>2017</v>
          </cell>
          <cell r="AU7238">
            <v>10</v>
          </cell>
        </row>
        <row r="7239">
          <cell r="C7239">
            <v>1.2665999999999999</v>
          </cell>
          <cell r="AT7239">
            <v>2017</v>
          </cell>
          <cell r="AU7239">
            <v>10</v>
          </cell>
        </row>
        <row r="7240">
          <cell r="C7240">
            <v>1.2770999999999999</v>
          </cell>
          <cell r="AT7240">
            <v>2017</v>
          </cell>
          <cell r="AU7240">
            <v>10</v>
          </cell>
        </row>
        <row r="7241">
          <cell r="C7241">
            <v>1.2830999999999999</v>
          </cell>
          <cell r="AT7241">
            <v>2017</v>
          </cell>
          <cell r="AU7241">
            <v>10</v>
          </cell>
        </row>
        <row r="7242">
          <cell r="C7242">
            <v>1.2874000000000001</v>
          </cell>
          <cell r="AT7242">
            <v>2017</v>
          </cell>
          <cell r="AU7242">
            <v>10</v>
          </cell>
        </row>
        <row r="7243">
          <cell r="C7243">
            <v>1.2874000000000001</v>
          </cell>
          <cell r="AT7243">
            <v>2017</v>
          </cell>
          <cell r="AU7243">
            <v>10</v>
          </cell>
        </row>
        <row r="7244">
          <cell r="C7244">
            <v>1.2874000000000001</v>
          </cell>
          <cell r="AT7244">
            <v>2017</v>
          </cell>
          <cell r="AU7244">
            <v>10</v>
          </cell>
        </row>
        <row r="7245">
          <cell r="C7245">
            <v>1.2837000000000001</v>
          </cell>
          <cell r="AT7245">
            <v>2017</v>
          </cell>
          <cell r="AU7245">
            <v>10</v>
          </cell>
        </row>
        <row r="7246">
          <cell r="C7246">
            <v>1.2892999999999999</v>
          </cell>
          <cell r="AT7246">
            <v>2017</v>
          </cell>
          <cell r="AU7246">
            <v>11</v>
          </cell>
        </row>
        <row r="7247">
          <cell r="C7247">
            <v>1.2885</v>
          </cell>
          <cell r="AT7247">
            <v>2017</v>
          </cell>
          <cell r="AU7247">
            <v>11</v>
          </cell>
        </row>
        <row r="7248">
          <cell r="C7248">
            <v>1.2822</v>
          </cell>
          <cell r="AT7248">
            <v>2017</v>
          </cell>
          <cell r="AU7248">
            <v>11</v>
          </cell>
        </row>
        <row r="7249">
          <cell r="C7249">
            <v>1.2764</v>
          </cell>
          <cell r="AT7249">
            <v>2017</v>
          </cell>
          <cell r="AU7249">
            <v>11</v>
          </cell>
        </row>
        <row r="7250">
          <cell r="C7250">
            <v>1.2764</v>
          </cell>
          <cell r="AT7250">
            <v>2017</v>
          </cell>
          <cell r="AU7250">
            <v>11</v>
          </cell>
        </row>
        <row r="7251">
          <cell r="C7251">
            <v>1.2764</v>
          </cell>
          <cell r="AT7251">
            <v>2017</v>
          </cell>
          <cell r="AU7251">
            <v>11</v>
          </cell>
        </row>
        <row r="7252">
          <cell r="C7252">
            <v>1.2746</v>
          </cell>
          <cell r="AT7252">
            <v>2017</v>
          </cell>
          <cell r="AU7252">
            <v>11</v>
          </cell>
        </row>
        <row r="7253">
          <cell r="C7253">
            <v>1.2785</v>
          </cell>
          <cell r="AT7253">
            <v>2017</v>
          </cell>
          <cell r="AU7253">
            <v>11</v>
          </cell>
        </row>
        <row r="7254">
          <cell r="C7254">
            <v>1.2728999999999999</v>
          </cell>
          <cell r="AT7254">
            <v>2017</v>
          </cell>
          <cell r="AU7254">
            <v>11</v>
          </cell>
        </row>
        <row r="7255">
          <cell r="C7255">
            <v>1.2692000000000001</v>
          </cell>
          <cell r="AT7255">
            <v>2017</v>
          </cell>
          <cell r="AU7255">
            <v>11</v>
          </cell>
        </row>
        <row r="7256">
          <cell r="C7256">
            <v>1.2683</v>
          </cell>
          <cell r="AT7256">
            <v>2017</v>
          </cell>
          <cell r="AU7256">
            <v>11</v>
          </cell>
        </row>
        <row r="7257">
          <cell r="C7257">
            <v>1.2683</v>
          </cell>
          <cell r="AT7257">
            <v>2017</v>
          </cell>
          <cell r="AU7257">
            <v>11</v>
          </cell>
        </row>
        <row r="7258">
          <cell r="C7258">
            <v>1.2683</v>
          </cell>
          <cell r="AT7258">
            <v>2017</v>
          </cell>
          <cell r="AU7258">
            <v>11</v>
          </cell>
        </row>
      </sheetData>
      <sheetData sheetId="3" refreshError="1"/>
      <sheetData sheetId="4"/>
      <sheetData sheetId="5" refreshError="1"/>
      <sheetData sheetId="6" refreshError="1"/>
      <sheetData sheetId="7" refreshError="1"/>
      <sheetData sheetId="8" refreshError="1"/>
      <sheetData sheetId="9" refreshError="1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9C9CB7D-FD81-4643-8949-A003A95DC53A}">
  <sheetPr>
    <tabColor theme="5" tint="-0.249977111117893"/>
    <pageSetUpPr fitToPage="1"/>
  </sheetPr>
  <dimension ref="A1:L46"/>
  <sheetViews>
    <sheetView tabSelected="1" zoomScaleNormal="100" workbookViewId="0"/>
  </sheetViews>
  <sheetFormatPr defaultRowHeight="15"/>
  <cols>
    <col min="2" max="2" width="22.85546875" customWidth="1"/>
    <col min="5" max="5" width="10.42578125" customWidth="1"/>
    <col min="7" max="7" width="12.85546875" customWidth="1"/>
    <col min="8" max="8" width="11.140625" customWidth="1"/>
    <col min="9" max="9" width="10.42578125" customWidth="1"/>
    <col min="11" max="11" width="10.7109375" customWidth="1"/>
    <col min="14" max="14" width="11.28515625" customWidth="1"/>
    <col min="17" max="17" width="9.7109375" customWidth="1"/>
  </cols>
  <sheetData>
    <row r="1" spans="1:12">
      <c r="L1" s="1"/>
    </row>
    <row r="2" spans="1:12">
      <c r="L2" s="1"/>
    </row>
    <row r="3" spans="1:12">
      <c r="L3" s="1"/>
    </row>
    <row r="4" spans="1:12">
      <c r="L4" s="1"/>
    </row>
    <row r="5" spans="1:12">
      <c r="L5" s="1"/>
    </row>
    <row r="6" spans="1:12">
      <c r="B6" t="s">
        <v>0</v>
      </c>
    </row>
    <row r="7" spans="1:12">
      <c r="B7" t="s">
        <v>1</v>
      </c>
      <c r="G7" t="s">
        <v>2</v>
      </c>
    </row>
    <row r="8" spans="1:12">
      <c r="A8" t="s">
        <v>3</v>
      </c>
      <c r="B8" t="s">
        <v>4</v>
      </c>
      <c r="C8" t="s">
        <v>5</v>
      </c>
      <c r="D8" t="s">
        <v>6</v>
      </c>
      <c r="E8" t="s">
        <v>7</v>
      </c>
      <c r="H8" s="2" t="s">
        <v>8</v>
      </c>
      <c r="I8" s="2" t="s">
        <v>9</v>
      </c>
    </row>
    <row r="9" spans="1:12">
      <c r="H9" s="3" t="s">
        <v>10</v>
      </c>
      <c r="I9" s="4"/>
    </row>
    <row r="10" spans="1:12" ht="45">
      <c r="A10" s="2"/>
      <c r="B10" s="5" t="s">
        <v>11</v>
      </c>
      <c r="C10" s="6" t="s">
        <v>41</v>
      </c>
      <c r="D10" s="6" t="s">
        <v>42</v>
      </c>
      <c r="E10" s="6" t="s">
        <v>43</v>
      </c>
      <c r="G10" s="7"/>
      <c r="H10" s="7" t="s">
        <v>12</v>
      </c>
      <c r="I10" s="6" t="s">
        <v>13</v>
      </c>
    </row>
    <row r="11" spans="1:12">
      <c r="A11" s="2">
        <f>ROW(A11)-ROW($A$10)</f>
        <v>1</v>
      </c>
      <c r="B11" s="7" t="s">
        <v>14</v>
      </c>
      <c r="C11" s="8">
        <v>1.9033166582872461</v>
      </c>
      <c r="D11" s="8">
        <v>0.3</v>
      </c>
      <c r="E11" s="8">
        <v>1.603316658287246</v>
      </c>
      <c r="G11" s="7" t="s">
        <v>14</v>
      </c>
      <c r="H11" s="9">
        <v>0.23809523809523811</v>
      </c>
      <c r="I11" s="10">
        <f>H11*E11</f>
        <v>0.38174206149696338</v>
      </c>
    </row>
    <row r="12" spans="1:12">
      <c r="A12" s="2">
        <f t="shared" ref="A12:A45" si="0">ROW(A12)-ROW($A$10)</f>
        <v>2</v>
      </c>
      <c r="B12" s="7" t="s">
        <v>15</v>
      </c>
      <c r="C12" s="8">
        <v>1.1402136551266995</v>
      </c>
      <c r="D12" s="8">
        <v>0.3</v>
      </c>
      <c r="E12" s="8">
        <v>0.84021365512669943</v>
      </c>
      <c r="G12" s="7" t="s">
        <v>15</v>
      </c>
      <c r="H12" s="9">
        <v>9.5238095238095247E-2</v>
      </c>
      <c r="I12" s="10">
        <f>H12*E12</f>
        <v>8.0020348107304712E-2</v>
      </c>
    </row>
    <row r="13" spans="1:12">
      <c r="A13" s="2">
        <f t="shared" si="0"/>
        <v>3</v>
      </c>
      <c r="B13" s="7" t="s">
        <v>16</v>
      </c>
      <c r="C13" s="8">
        <v>1.0799347222222224</v>
      </c>
      <c r="D13" s="8">
        <v>0.3</v>
      </c>
      <c r="E13" s="8">
        <v>0.77993472222222238</v>
      </c>
      <c r="G13" s="7" t="s">
        <v>16</v>
      </c>
      <c r="H13" s="9">
        <v>0.66666666666666674</v>
      </c>
      <c r="I13" s="10">
        <f>H13*E13</f>
        <v>0.51995648148148166</v>
      </c>
    </row>
    <row r="14" spans="1:12">
      <c r="A14" s="2">
        <f t="shared" si="0"/>
        <v>4</v>
      </c>
      <c r="B14" s="11"/>
      <c r="C14" s="12"/>
      <c r="D14" s="12"/>
      <c r="E14" s="12"/>
      <c r="G14" s="7" t="s">
        <v>17</v>
      </c>
      <c r="H14" s="9">
        <f>SUM(H11:H13)</f>
        <v>1</v>
      </c>
      <c r="I14" s="10"/>
    </row>
    <row r="15" spans="1:12">
      <c r="A15" s="2">
        <f t="shared" si="0"/>
        <v>5</v>
      </c>
      <c r="G15" s="13" t="s">
        <v>18</v>
      </c>
      <c r="I15" s="15">
        <f>SUM(I11:I13)</f>
        <v>0.98171889108574972</v>
      </c>
    </row>
    <row r="16" spans="1:12">
      <c r="A16" s="2">
        <f t="shared" si="0"/>
        <v>6</v>
      </c>
      <c r="G16" s="16"/>
      <c r="H16" s="11"/>
      <c r="I16" s="11"/>
    </row>
    <row r="17" spans="1:11">
      <c r="A17" s="2">
        <f t="shared" si="0"/>
        <v>7</v>
      </c>
      <c r="B17" t="s">
        <v>39</v>
      </c>
      <c r="G17" s="16"/>
      <c r="H17" s="11"/>
      <c r="I17" s="11"/>
      <c r="J17" s="17"/>
      <c r="K17" s="17"/>
    </row>
    <row r="18" spans="1:11">
      <c r="A18" s="2">
        <f t="shared" si="0"/>
        <v>8</v>
      </c>
      <c r="B18" t="s">
        <v>40</v>
      </c>
      <c r="G18" s="16"/>
      <c r="H18" s="11"/>
      <c r="I18" s="11"/>
      <c r="J18" s="17"/>
      <c r="K18" s="17"/>
    </row>
    <row r="19" spans="1:11">
      <c r="A19" s="2">
        <f t="shared" si="0"/>
        <v>9</v>
      </c>
      <c r="G19" s="16"/>
      <c r="H19" s="11"/>
      <c r="I19" s="11"/>
      <c r="J19" s="17"/>
      <c r="K19" s="17"/>
    </row>
    <row r="20" spans="1:11">
      <c r="A20" s="2">
        <f t="shared" si="0"/>
        <v>10</v>
      </c>
      <c r="B20" s="18" t="s">
        <v>19</v>
      </c>
      <c r="C20" t="s">
        <v>20</v>
      </c>
      <c r="G20" s="16"/>
      <c r="H20" s="11"/>
      <c r="I20" s="11"/>
      <c r="J20" s="17"/>
      <c r="K20" s="17"/>
    </row>
    <row r="21" spans="1:11">
      <c r="A21" s="2">
        <f t="shared" si="0"/>
        <v>11</v>
      </c>
      <c r="B21" s="19"/>
      <c r="C21" s="20">
        <v>2024</v>
      </c>
      <c r="D21" s="20">
        <f t="shared" ref="D21:I21" si="1">C21+1</f>
        <v>2025</v>
      </c>
      <c r="E21" s="20">
        <f t="shared" si="1"/>
        <v>2026</v>
      </c>
      <c r="F21" s="20">
        <f t="shared" si="1"/>
        <v>2027</v>
      </c>
      <c r="G21" s="20">
        <f t="shared" si="1"/>
        <v>2028</v>
      </c>
      <c r="H21" s="20">
        <f t="shared" si="1"/>
        <v>2029</v>
      </c>
      <c r="I21" s="20">
        <f t="shared" si="1"/>
        <v>2030</v>
      </c>
      <c r="J21" s="17"/>
      <c r="K21" s="17"/>
    </row>
    <row r="22" spans="1:11">
      <c r="A22" s="2">
        <f t="shared" si="0"/>
        <v>12</v>
      </c>
      <c r="B22" s="21" t="s">
        <v>21</v>
      </c>
      <c r="C22" s="22">
        <v>80</v>
      </c>
      <c r="D22" s="22">
        <v>95</v>
      </c>
      <c r="E22" s="22">
        <v>110</v>
      </c>
      <c r="F22" s="22">
        <v>125</v>
      </c>
      <c r="G22" s="22">
        <v>140</v>
      </c>
      <c r="H22" s="22">
        <v>155</v>
      </c>
      <c r="I22" s="22">
        <v>170</v>
      </c>
    </row>
    <row r="23" spans="1:11">
      <c r="A23" s="2">
        <f t="shared" si="0"/>
        <v>13</v>
      </c>
      <c r="B23" s="19"/>
      <c r="C23" s="23" t="s">
        <v>22</v>
      </c>
      <c r="D23" s="24"/>
      <c r="E23" s="25"/>
      <c r="F23" s="26"/>
      <c r="G23" s="26"/>
      <c r="H23" s="26"/>
      <c r="I23" s="26"/>
      <c r="J23" s="11"/>
      <c r="K23" s="11"/>
    </row>
    <row r="24" spans="1:11">
      <c r="A24" s="2">
        <f t="shared" si="0"/>
        <v>14</v>
      </c>
      <c r="B24" s="21" t="s">
        <v>21</v>
      </c>
      <c r="C24" s="27"/>
      <c r="D24" s="28">
        <f>I22</f>
        <v>170</v>
      </c>
      <c r="E24" s="29"/>
      <c r="F24" s="30"/>
      <c r="G24" s="30"/>
      <c r="H24" s="30"/>
      <c r="I24" s="30"/>
      <c r="J24" s="31"/>
      <c r="K24" s="31"/>
    </row>
    <row r="25" spans="1:11">
      <c r="A25" s="2">
        <f t="shared" si="0"/>
        <v>15</v>
      </c>
      <c r="E25" s="11"/>
      <c r="F25" s="11"/>
      <c r="G25" s="16"/>
      <c r="H25" s="11"/>
      <c r="I25" s="11"/>
      <c r="J25" s="31"/>
      <c r="K25" s="31"/>
    </row>
    <row r="26" spans="1:11">
      <c r="A26" s="2">
        <f t="shared" si="0"/>
        <v>16</v>
      </c>
    </row>
    <row r="27" spans="1:11">
      <c r="A27" s="2">
        <f t="shared" si="0"/>
        <v>17</v>
      </c>
      <c r="B27" s="18" t="s">
        <v>23</v>
      </c>
    </row>
    <row r="28" spans="1:11">
      <c r="A28" s="2">
        <f t="shared" si="0"/>
        <v>18</v>
      </c>
      <c r="C28" s="32" t="s">
        <v>24</v>
      </c>
    </row>
    <row r="29" spans="1:11">
      <c r="A29" s="2">
        <f t="shared" si="0"/>
        <v>19</v>
      </c>
      <c r="B29" s="2" t="s">
        <v>25</v>
      </c>
      <c r="C29" t="s">
        <v>26</v>
      </c>
    </row>
    <row r="30" spans="1:11">
      <c r="A30" s="2">
        <f t="shared" si="0"/>
        <v>20</v>
      </c>
      <c r="B30" s="2" t="s">
        <v>27</v>
      </c>
      <c r="C30" t="s">
        <v>28</v>
      </c>
    </row>
    <row r="31" spans="1:11">
      <c r="A31" s="2">
        <f t="shared" si="0"/>
        <v>21</v>
      </c>
      <c r="B31" s="2" t="s">
        <v>25</v>
      </c>
      <c r="C31" t="s">
        <v>29</v>
      </c>
    </row>
    <row r="32" spans="1:11">
      <c r="A32" s="2">
        <f>ROW(A32)-ROW($A$10)</f>
        <v>22</v>
      </c>
    </row>
    <row r="33" spans="1:9">
      <c r="A33" s="2">
        <f t="shared" si="0"/>
        <v>23</v>
      </c>
      <c r="B33" s="18" t="s">
        <v>30</v>
      </c>
      <c r="E33" s="33">
        <v>0.04</v>
      </c>
    </row>
    <row r="34" spans="1:9">
      <c r="A34" s="2">
        <f t="shared" si="0"/>
        <v>24</v>
      </c>
    </row>
    <row r="35" spans="1:9">
      <c r="A35" s="2">
        <f t="shared" si="0"/>
        <v>25</v>
      </c>
      <c r="B35" s="18" t="s">
        <v>31</v>
      </c>
    </row>
    <row r="36" spans="1:9">
      <c r="A36" s="2">
        <f t="shared" si="0"/>
        <v>26</v>
      </c>
      <c r="B36" t="s">
        <v>32</v>
      </c>
    </row>
    <row r="37" spans="1:9">
      <c r="A37" s="2">
        <f t="shared" si="0"/>
        <v>27</v>
      </c>
    </row>
    <row r="38" spans="1:9">
      <c r="A38" s="2">
        <f t="shared" si="0"/>
        <v>28</v>
      </c>
      <c r="B38" s="18" t="s">
        <v>33</v>
      </c>
    </row>
    <row r="39" spans="1:9">
      <c r="A39" s="2">
        <f t="shared" si="0"/>
        <v>29</v>
      </c>
      <c r="B39" s="34" t="s">
        <v>34</v>
      </c>
    </row>
    <row r="40" spans="1:9">
      <c r="A40" s="2">
        <f t="shared" si="0"/>
        <v>30</v>
      </c>
      <c r="B40" s="34"/>
    </row>
    <row r="41" spans="1:9">
      <c r="A41" s="2">
        <f t="shared" si="0"/>
        <v>31</v>
      </c>
      <c r="B41" s="34"/>
    </row>
    <row r="42" spans="1:9">
      <c r="A42" s="2">
        <f t="shared" si="0"/>
        <v>32</v>
      </c>
      <c r="B42" s="35" t="s">
        <v>35</v>
      </c>
      <c r="C42" s="14"/>
      <c r="D42" s="36" t="s">
        <v>36</v>
      </c>
      <c r="E42" s="36" t="s">
        <v>37</v>
      </c>
      <c r="F42" s="37"/>
      <c r="G42" s="37"/>
      <c r="H42" s="38"/>
      <c r="I42" s="37"/>
    </row>
    <row r="43" spans="1:9">
      <c r="A43" s="2">
        <f t="shared" si="0"/>
        <v>33</v>
      </c>
      <c r="B43" s="39" t="s">
        <v>38</v>
      </c>
      <c r="C43" s="14"/>
      <c r="D43" s="41">
        <v>226</v>
      </c>
      <c r="E43" s="13">
        <v>353</v>
      </c>
      <c r="F43" s="16"/>
      <c r="G43" s="40"/>
      <c r="H43" s="16"/>
      <c r="I43" s="40"/>
    </row>
    <row r="44" spans="1:9">
      <c r="A44" s="2">
        <f t="shared" si="0"/>
        <v>34</v>
      </c>
    </row>
    <row r="45" spans="1:9">
      <c r="A45" s="2">
        <f t="shared" si="0"/>
        <v>35</v>
      </c>
      <c r="B45" t="str">
        <f>"NPV Fuel Savings Range from " &amp;TEXT(D43,"$#,#") &amp; " Mil over 20 yrs to " &amp;TEXT(E43,"$#,#")&amp;" Mil over 40 yrs"</f>
        <v>NPV Fuel Savings Range from $226 Mil over 20 yrs to $353 Mil over 40 yrs</v>
      </c>
    </row>
    <row r="46" spans="1:9">
      <c r="A46" s="2"/>
    </row>
  </sheetData>
  <pageMargins left="0.7" right="0.28000000000000003" top="0.43" bottom="0.46" header="0.3" footer="0.3"/>
  <pageSetup scale="71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8D52D82E93B6F4F966156660E7AE412" ma:contentTypeVersion="7" ma:contentTypeDescription="Create a new document." ma:contentTypeScope="" ma:versionID="8adc7008b43ef1e284cfeb3df4dc3a37">
  <xsd:schema xmlns:xsd="http://www.w3.org/2001/XMLSchema" xmlns:xs="http://www.w3.org/2001/XMLSchema" xmlns:p="http://schemas.microsoft.com/office/2006/metadata/properties" xmlns:ns2="6d574152-70e6-4575-8cf6-71c10cc12bf8" xmlns:ns3="2073fb39-1bba-4799-b9c4-00fe73d2e794" targetNamespace="http://schemas.microsoft.com/office/2006/metadata/properties" ma:root="true" ma:fieldsID="6648bfe13176640996115759cff20d23" ns2:_="" ns3:_="">
    <xsd:import namespace="6d574152-70e6-4575-8cf6-71c10cc12bf8"/>
    <xsd:import namespace="2073fb39-1bba-4799-b9c4-00fe73d2e794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Attachment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Interveno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d574152-70e6-4575-8cf6-71c10cc12bf8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Attachment" ma:index="10" nillable="true" ma:displayName="Attachment" ma:internalName="Attachment">
      <xsd:simpleType>
        <xsd:restriction base="dms:Text">
          <xsd:maxLength value="255"/>
        </xsd:restriction>
      </xsd:simpleType>
    </xsd:element>
    <xsd:element name="MediaServiceObjectDetectorVersions" ma:index="13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Intervenors" ma:index="14" nillable="true" ma:displayName="Intervenors" ma:internalName="Intervenors">
      <xsd:simpleType>
        <xsd:restriction base="dms:Text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073fb39-1bba-4799-b9c4-00fe73d2e794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ttachment xmlns="6d574152-70e6-4575-8cf6-71c10cc12bf8">Attachment 3</Attachment>
    <Intervenors xmlns="6d574152-70e6-4575-8cf6-71c10cc12bf8">SEC</Intervenors>
  </documentManagement>
</p:properties>
</file>

<file path=customXml/itemProps1.xml><?xml version="1.0" encoding="utf-8"?>
<ds:datastoreItem xmlns:ds="http://schemas.openxmlformats.org/officeDocument/2006/customXml" ds:itemID="{5BF3C199-E5E2-46DB-B8FB-5097D31DAB37}"/>
</file>

<file path=customXml/itemProps2.xml><?xml version="1.0" encoding="utf-8"?>
<ds:datastoreItem xmlns:ds="http://schemas.openxmlformats.org/officeDocument/2006/customXml" ds:itemID="{D7543E33-4405-4DBF-B7E6-66A4FC015DF4}"/>
</file>

<file path=customXml/itemProps3.xml><?xml version="1.0" encoding="utf-8"?>
<ds:datastoreItem xmlns:ds="http://schemas.openxmlformats.org/officeDocument/2006/customXml" ds:itemID="{21CD5C96-A87A-4C62-80B8-920CF7E21B3E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Exhibit E T1 S6</vt:lpstr>
      <vt:lpstr>'Exhibit E T1 S6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ich Szymanski</dc:creator>
  <cp:lastModifiedBy>Rich Szymanski</cp:lastModifiedBy>
  <cp:lastPrinted>2023-09-13T21:18:04Z</cp:lastPrinted>
  <dcterms:created xsi:type="dcterms:W3CDTF">2022-05-03T14:24:34Z</dcterms:created>
  <dcterms:modified xsi:type="dcterms:W3CDTF">2023-09-14T15:18:0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b1a6f161-e42b-4c47-8f69-f6a81e023e2d_Enabled">
    <vt:lpwstr>true</vt:lpwstr>
  </property>
  <property fmtid="{D5CDD505-2E9C-101B-9397-08002B2CF9AE}" pid="3" name="MSIP_Label_b1a6f161-e42b-4c47-8f69-f6a81e023e2d_SetDate">
    <vt:lpwstr>2022-05-03T14:37:09Z</vt:lpwstr>
  </property>
  <property fmtid="{D5CDD505-2E9C-101B-9397-08002B2CF9AE}" pid="4" name="MSIP_Label_b1a6f161-e42b-4c47-8f69-f6a81e023e2d_Method">
    <vt:lpwstr>Privileged</vt:lpwstr>
  </property>
  <property fmtid="{D5CDD505-2E9C-101B-9397-08002B2CF9AE}" pid="5" name="MSIP_Label_b1a6f161-e42b-4c47-8f69-f6a81e023e2d_Name">
    <vt:lpwstr>b1a6f161-e42b-4c47-8f69-f6a81e023e2d</vt:lpwstr>
  </property>
  <property fmtid="{D5CDD505-2E9C-101B-9397-08002B2CF9AE}" pid="6" name="MSIP_Label_b1a6f161-e42b-4c47-8f69-f6a81e023e2d_SiteId">
    <vt:lpwstr>271df5c2-953a-497b-93ad-7adf7a4b3cd7</vt:lpwstr>
  </property>
  <property fmtid="{D5CDD505-2E9C-101B-9397-08002B2CF9AE}" pid="7" name="MSIP_Label_b1a6f161-e42b-4c47-8f69-f6a81e023e2d_ActionId">
    <vt:lpwstr>e477aca9-db02-46ba-b67a-c68d22db82b9</vt:lpwstr>
  </property>
  <property fmtid="{D5CDD505-2E9C-101B-9397-08002B2CF9AE}" pid="8" name="MSIP_Label_b1a6f161-e42b-4c47-8f69-f6a81e023e2d_ContentBits">
    <vt:lpwstr>0</vt:lpwstr>
  </property>
  <property fmtid="{D5CDD505-2E9C-101B-9397-08002B2CF9AE}" pid="9" name="ContentTypeId">
    <vt:lpwstr>0x010100A8D52D82E93B6F4F966156660E7AE412</vt:lpwstr>
  </property>
</Properties>
</file>